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522\04_計画書審査Ｇ\02_計画書制度共通\03_普及啓発\02_ホームページ\特定開発事業温暖化対策計画書制度\R6.10.28起案（HP更新）\"/>
    </mc:Choice>
  </mc:AlternateContent>
  <bookViews>
    <workbookView xWindow="0" yWindow="0" windowWidth="23040" windowHeight="8496"/>
  </bookViews>
  <sheets>
    <sheet name="目標とする取組の水準" sheetId="2" r:id="rId1"/>
    <sheet name="基本的な取組の水準" sheetId="4" r:id="rId2"/>
  </sheets>
  <definedNames>
    <definedName name="_xlnm.Print_Area" localSheetId="1">基本的な取組の水準!$A$1:$F$39</definedName>
    <definedName name="_xlnm.Print_Area" localSheetId="0">目標とする取組の水準!$A$1:$F$74</definedName>
    <definedName name="_xlnm.Print_Titles" localSheetId="1">基本的な取組の水準!$8:$9</definedName>
    <definedName name="_xlnm.Print_Titles" localSheetId="0">目標とする取組の水準!$8:$9</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07" uniqueCount="191">
  <si>
    <t>回答</t>
    <rPh sb="0" eb="2">
      <t>カイトウ</t>
    </rPh>
    <phoneticPr fontId="2"/>
  </si>
  <si>
    <t>温室効果ガスの排出の抑制を図るため実施しようとする措置の内容</t>
    <rPh sb="0" eb="2">
      <t>オンシツ</t>
    </rPh>
    <rPh sb="2" eb="4">
      <t>コウカ</t>
    </rPh>
    <rPh sb="7" eb="9">
      <t>ハイシュツ</t>
    </rPh>
    <rPh sb="10" eb="12">
      <t>ヨクセイ</t>
    </rPh>
    <rPh sb="13" eb="14">
      <t>ハカ</t>
    </rPh>
    <rPh sb="17" eb="19">
      <t>ジッシ</t>
    </rPh>
    <rPh sb="25" eb="27">
      <t>ソチ</t>
    </rPh>
    <rPh sb="28" eb="30">
      <t>ナイヨウ</t>
    </rPh>
    <phoneticPr fontId="2"/>
  </si>
  <si>
    <t>エネルギー使用の合理化</t>
    <rPh sb="5" eb="7">
      <t>シヨウ</t>
    </rPh>
    <rPh sb="8" eb="11">
      <t>ゴウリカ</t>
    </rPh>
    <phoneticPr fontId="2"/>
  </si>
  <si>
    <t>資1-2</t>
    <rPh sb="0" eb="1">
      <t>シ</t>
    </rPh>
    <phoneticPr fontId="2"/>
  </si>
  <si>
    <t>資1-21</t>
    <rPh sb="0" eb="1">
      <t>シ</t>
    </rPh>
    <phoneticPr fontId="2"/>
  </si>
  <si>
    <t>ヒートアイランド現象の緩和</t>
    <rPh sb="8" eb="10">
      <t>ゲンショウ</t>
    </rPh>
    <rPh sb="11" eb="13">
      <t>カンワ</t>
    </rPh>
    <phoneticPr fontId="2"/>
  </si>
  <si>
    <t>資1-33</t>
    <rPh sb="0" eb="1">
      <t>シ</t>
    </rPh>
    <phoneticPr fontId="2"/>
  </si>
  <si>
    <t>資1-37</t>
    <rPh sb="0" eb="1">
      <t>シ</t>
    </rPh>
    <phoneticPr fontId="2"/>
  </si>
  <si>
    <t>資1-40</t>
    <rPh sb="0" eb="1">
      <t>シ</t>
    </rPh>
    <phoneticPr fontId="2"/>
  </si>
  <si>
    <t>交通環境への配慮</t>
    <phoneticPr fontId="2"/>
  </si>
  <si>
    <t>資1-48</t>
    <rPh sb="0" eb="1">
      <t>シ</t>
    </rPh>
    <phoneticPr fontId="2"/>
  </si>
  <si>
    <t>資1-51</t>
    <rPh sb="0" eb="1">
      <t>シ</t>
    </rPh>
    <phoneticPr fontId="2"/>
  </si>
  <si>
    <t>資1-58</t>
    <rPh sb="0" eb="1">
      <t>シ</t>
    </rPh>
    <phoneticPr fontId="2"/>
  </si>
  <si>
    <t>緑の保全と創出</t>
    <rPh sb="0" eb="1">
      <t>ミドリ</t>
    </rPh>
    <rPh sb="2" eb="4">
      <t>ホゼン</t>
    </rPh>
    <rPh sb="5" eb="7">
      <t>ソウシュツ</t>
    </rPh>
    <phoneticPr fontId="2"/>
  </si>
  <si>
    <t>資1-64</t>
    <rPh sb="0" eb="1">
      <t>シ</t>
    </rPh>
    <phoneticPr fontId="2"/>
  </si>
  <si>
    <t>工事に係る配慮</t>
    <rPh sb="0" eb="2">
      <t>コウジ</t>
    </rPh>
    <rPh sb="3" eb="4">
      <t>カカワ</t>
    </rPh>
    <rPh sb="5" eb="7">
      <t>ハイリョ</t>
    </rPh>
    <phoneticPr fontId="2"/>
  </si>
  <si>
    <t>資1-71</t>
    <rPh sb="0" eb="1">
      <t>シ</t>
    </rPh>
    <phoneticPr fontId="2"/>
  </si>
  <si>
    <t>資1-74</t>
    <rPh sb="0" eb="1">
      <t>シ</t>
    </rPh>
    <phoneticPr fontId="2"/>
  </si>
  <si>
    <t>資1-8</t>
    <rPh sb="0" eb="1">
      <t>シ</t>
    </rPh>
    <phoneticPr fontId="2"/>
  </si>
  <si>
    <t>資1-14</t>
    <rPh sb="0" eb="1">
      <t>シ</t>
    </rPh>
    <phoneticPr fontId="2"/>
  </si>
  <si>
    <t>資1-16</t>
    <rPh sb="0" eb="1">
      <t>シ</t>
    </rPh>
    <phoneticPr fontId="2"/>
  </si>
  <si>
    <t>資1-19</t>
    <rPh sb="0" eb="1">
      <t>シ</t>
    </rPh>
    <phoneticPr fontId="2"/>
  </si>
  <si>
    <t>資1-24</t>
    <rPh sb="0" eb="1">
      <t>シ</t>
    </rPh>
    <phoneticPr fontId="2"/>
  </si>
  <si>
    <t>資1-29</t>
    <rPh sb="0" eb="1">
      <t>シ</t>
    </rPh>
    <phoneticPr fontId="2"/>
  </si>
  <si>
    <t>資1-35</t>
    <rPh sb="0" eb="1">
      <t>シ</t>
    </rPh>
    <phoneticPr fontId="2"/>
  </si>
  <si>
    <t>資1-42</t>
    <rPh sb="0" eb="1">
      <t>シ</t>
    </rPh>
    <phoneticPr fontId="2"/>
  </si>
  <si>
    <t>資1-45</t>
    <rPh sb="0" eb="1">
      <t>シ</t>
    </rPh>
    <phoneticPr fontId="2"/>
  </si>
  <si>
    <t>交通環境への配慮</t>
    <rPh sb="0" eb="2">
      <t>コウツウ</t>
    </rPh>
    <rPh sb="2" eb="4">
      <t>カンキョウ</t>
    </rPh>
    <rPh sb="6" eb="8">
      <t>ハイリョ</t>
    </rPh>
    <phoneticPr fontId="2"/>
  </si>
  <si>
    <t>資1-46</t>
    <rPh sb="0" eb="1">
      <t>シ</t>
    </rPh>
    <phoneticPr fontId="2"/>
  </si>
  <si>
    <t>資1-53</t>
    <rPh sb="0" eb="1">
      <t>シ</t>
    </rPh>
    <phoneticPr fontId="2"/>
  </si>
  <si>
    <t>資1-55</t>
    <rPh sb="0" eb="1">
      <t>シ</t>
    </rPh>
    <phoneticPr fontId="2"/>
  </si>
  <si>
    <t>資1-57</t>
    <rPh sb="0" eb="1">
      <t>シ</t>
    </rPh>
    <phoneticPr fontId="2"/>
  </si>
  <si>
    <t>受付番号：</t>
    <rPh sb="0" eb="2">
      <t>ウケツケ</t>
    </rPh>
    <rPh sb="2" eb="4">
      <t>バンゴウ</t>
    </rPh>
    <phoneticPr fontId="2"/>
  </si>
  <si>
    <t>開発事業の名称：</t>
    <rPh sb="0" eb="2">
      <t>カイハツ</t>
    </rPh>
    <rPh sb="2" eb="4">
      <t>ジギョウ</t>
    </rPh>
    <rPh sb="5" eb="7">
      <t>メイショウ</t>
    </rPh>
    <phoneticPr fontId="2"/>
  </si>
  <si>
    <t>導入設備等</t>
    <rPh sb="0" eb="2">
      <t>ドウニュウ</t>
    </rPh>
    <rPh sb="2" eb="4">
      <t>セツビ</t>
    </rPh>
    <rPh sb="4" eb="5">
      <t>トウ</t>
    </rPh>
    <phoneticPr fontId="2"/>
  </si>
  <si>
    <t>例）ライトシェルフ、トップライト、ハイサイドライト</t>
  </si>
  <si>
    <t>例）換気塔、アトリウムと連携した換気システム</t>
    <rPh sb="0" eb="1">
      <t>レイ</t>
    </rPh>
    <rPh sb="2" eb="4">
      <t>カンキ</t>
    </rPh>
    <rPh sb="4" eb="5">
      <t>トウ</t>
    </rPh>
    <rPh sb="12" eb="14">
      <t>レンケイ</t>
    </rPh>
    <rPh sb="16" eb="18">
      <t>カンキ</t>
    </rPh>
    <phoneticPr fontId="2"/>
  </si>
  <si>
    <t>※</t>
    <phoneticPr fontId="2"/>
  </si>
  <si>
    <t>※解説が掲載されているマニュアルの該当ページ</t>
    <rPh sb="1" eb="3">
      <t>カイセツ</t>
    </rPh>
    <rPh sb="4" eb="6">
      <t>ケイサイ</t>
    </rPh>
    <rPh sb="17" eb="19">
      <t>ガイトウ</t>
    </rPh>
    <phoneticPr fontId="2"/>
  </si>
  <si>
    <t>第17号様式
第２面</t>
    <rPh sb="0" eb="1">
      <t>ダイ</t>
    </rPh>
    <rPh sb="3" eb="4">
      <t>ゴウ</t>
    </rPh>
    <rPh sb="4" eb="6">
      <t>ヨウシキ</t>
    </rPh>
    <rPh sb="7" eb="8">
      <t>ダイ</t>
    </rPh>
    <rPh sb="9" eb="10">
      <t>メン</t>
    </rPh>
    <phoneticPr fontId="2"/>
  </si>
  <si>
    <t>例）地熱、河川水など温度差熱を利用した空調システム</t>
    <phoneticPr fontId="2"/>
  </si>
  <si>
    <t>例）街路灯、道路灯としてLED電灯</t>
    <phoneticPr fontId="2"/>
  </si>
  <si>
    <t>例）河川水、海水、未処理水、処理水、汚泥等温度差エネルギー</t>
    <rPh sb="9" eb="12">
      <t>ミショリ</t>
    </rPh>
    <rPh sb="12" eb="13">
      <t>スイ</t>
    </rPh>
    <rPh sb="14" eb="16">
      <t>ショリ</t>
    </rPh>
    <rPh sb="16" eb="17">
      <t>スイ</t>
    </rPh>
    <phoneticPr fontId="2"/>
  </si>
  <si>
    <t>例）ビル排熱、地下鉄排熱、地下街排熱、変電所、工場間熱融通・工場排熱</t>
    <rPh sb="7" eb="10">
      <t>チカテツ</t>
    </rPh>
    <rPh sb="10" eb="12">
      <t>ハイネツ</t>
    </rPh>
    <rPh sb="13" eb="16">
      <t>チカガイ</t>
    </rPh>
    <rPh sb="16" eb="18">
      <t>ハイネツ</t>
    </rPh>
    <rPh sb="19" eb="22">
      <t>ヘンデンショ</t>
    </rPh>
    <rPh sb="23" eb="25">
      <t>コウジョウ</t>
    </rPh>
    <rPh sb="25" eb="26">
      <t>カン</t>
    </rPh>
    <rPh sb="26" eb="27">
      <t>ネツ</t>
    </rPh>
    <rPh sb="27" eb="29">
      <t>ユウヅウ</t>
    </rPh>
    <phoneticPr fontId="2"/>
  </si>
  <si>
    <t>例）ごみ焼却熱、汚泥等焼却熱利用</t>
    <rPh sb="8" eb="10">
      <t>オデイ</t>
    </rPh>
    <rPh sb="10" eb="11">
      <t>トウ</t>
    </rPh>
    <rPh sb="11" eb="13">
      <t>ショウキャク</t>
    </rPh>
    <rPh sb="13" eb="14">
      <t>ネツ</t>
    </rPh>
    <rPh sb="14" eb="16">
      <t>リヨウ</t>
    </rPh>
    <phoneticPr fontId="2"/>
  </si>
  <si>
    <t>例）蓄熱システム、蓄電システムの構築</t>
    <phoneticPr fontId="2"/>
  </si>
  <si>
    <t>例）エリアエネルギーマネジメントシステム(AEMS)
　　タウンエネルギーマネジメントシステム(TEMS)</t>
    <phoneticPr fontId="2"/>
  </si>
  <si>
    <t>例）高効率ヒートポンプ、コージェネレーションシステム、蓄熱システム</t>
    <phoneticPr fontId="2"/>
  </si>
  <si>
    <t>例）全熱交換機、外気冷房</t>
    <phoneticPr fontId="2"/>
  </si>
  <si>
    <t>例）潜熱回収型給湯器、ヒートポンプ式給湯器</t>
    <rPh sb="7" eb="10">
      <t>キュウトウキ</t>
    </rPh>
    <phoneticPr fontId="2"/>
  </si>
  <si>
    <t>例）電球型蛍光灯、LED照明</t>
    <phoneticPr fontId="2"/>
  </si>
  <si>
    <t>例）ビルエネルギー管理システム(BEMS)</t>
    <phoneticPr fontId="2"/>
  </si>
  <si>
    <t>例）熱源及びポンプの台数制御、空調・給湯設備の運用制御蓄熱システム</t>
    <rPh sb="0" eb="1">
      <t>レイ</t>
    </rPh>
    <rPh sb="2" eb="4">
      <t>ネツゲン</t>
    </rPh>
    <rPh sb="4" eb="5">
      <t>オヨ</t>
    </rPh>
    <rPh sb="10" eb="12">
      <t>ダイスウ</t>
    </rPh>
    <rPh sb="12" eb="14">
      <t>セイギョ</t>
    </rPh>
    <rPh sb="15" eb="17">
      <t>クウチョウ</t>
    </rPh>
    <rPh sb="18" eb="20">
      <t>キュウトウ</t>
    </rPh>
    <rPh sb="20" eb="22">
      <t>セツビ</t>
    </rPh>
    <rPh sb="23" eb="25">
      <t>ウンヨウ</t>
    </rPh>
    <rPh sb="25" eb="27">
      <t>セイギョ</t>
    </rPh>
    <rPh sb="27" eb="29">
      <t>チクネツ</t>
    </rPh>
    <phoneticPr fontId="2"/>
  </si>
  <si>
    <t>例）空冷室外機の顕熱抑制技術</t>
    <rPh sb="0" eb="1">
      <t>レイ</t>
    </rPh>
    <rPh sb="2" eb="4">
      <t>クウレイ</t>
    </rPh>
    <rPh sb="4" eb="7">
      <t>シツガイキ</t>
    </rPh>
    <rPh sb="8" eb="10">
      <t>ケンネツ</t>
    </rPh>
    <rPh sb="10" eb="12">
      <t>ヨクセイ</t>
    </rPh>
    <rPh sb="12" eb="14">
      <t>ギジュツ</t>
    </rPh>
    <phoneticPr fontId="2"/>
  </si>
  <si>
    <t>例）排熱を利用した発電、排熱回収型ヒートポンプを利用した給湯・空調設備</t>
    <rPh sb="0" eb="1">
      <t>レイ</t>
    </rPh>
    <rPh sb="2" eb="4">
      <t>ハイネツ</t>
    </rPh>
    <rPh sb="5" eb="7">
      <t>リヨウ</t>
    </rPh>
    <rPh sb="9" eb="11">
      <t>ハツデン</t>
    </rPh>
    <rPh sb="12" eb="14">
      <t>ハイネツ</t>
    </rPh>
    <rPh sb="14" eb="17">
      <t>カイシュウガタ</t>
    </rPh>
    <rPh sb="24" eb="26">
      <t>リヨウ</t>
    </rPh>
    <rPh sb="28" eb="30">
      <t>キュウトウ</t>
    </rPh>
    <rPh sb="31" eb="33">
      <t>クウチョウ</t>
    </rPh>
    <rPh sb="33" eb="35">
      <t>セツビ</t>
    </rPh>
    <phoneticPr fontId="2"/>
  </si>
  <si>
    <t>←導入される場合、「定格出力〇〇kW」と記載</t>
    <rPh sb="1" eb="3">
      <t>ドウニュウ</t>
    </rPh>
    <rPh sb="6" eb="8">
      <t>バアイ</t>
    </rPh>
    <rPh sb="10" eb="12">
      <t>テイカク</t>
    </rPh>
    <rPh sb="12" eb="14">
      <t>シュツリョク</t>
    </rPh>
    <rPh sb="20" eb="22">
      <t>キサイ</t>
    </rPh>
    <phoneticPr fontId="2"/>
  </si>
  <si>
    <t>←該当する場合、「〇〇条例で定められている緑化基準〇〇％を超える緑化を図る。（〇〇％、〇〇㎡）」と記載【（　）内は実績値】</t>
    <rPh sb="1" eb="3">
      <t>ガイトウ</t>
    </rPh>
    <rPh sb="5" eb="7">
      <t>バアイ</t>
    </rPh>
    <rPh sb="11" eb="13">
      <t>ジョウレイ</t>
    </rPh>
    <rPh sb="14" eb="15">
      <t>サダ</t>
    </rPh>
    <rPh sb="21" eb="23">
      <t>リョクカ</t>
    </rPh>
    <rPh sb="23" eb="25">
      <t>キジュン</t>
    </rPh>
    <rPh sb="29" eb="30">
      <t>コ</t>
    </rPh>
    <rPh sb="32" eb="34">
      <t>リョクカ</t>
    </rPh>
    <rPh sb="35" eb="36">
      <t>ハカ</t>
    </rPh>
    <rPh sb="49" eb="51">
      <t>キサイ</t>
    </rPh>
    <rPh sb="55" eb="56">
      <t>ナイ</t>
    </rPh>
    <rPh sb="57" eb="60">
      <t>ジッセキチ</t>
    </rPh>
    <phoneticPr fontId="2"/>
  </si>
  <si>
    <t>例）噴水、せせらぎの創出、小河川の開渠化</t>
  </si>
  <si>
    <t>例）ドライミストの設置</t>
    <rPh sb="9" eb="11">
      <t>セッチ</t>
    </rPh>
    <phoneticPr fontId="2"/>
  </si>
  <si>
    <t>例）コミュニティバス、シャトルバス、デマンドバス、デマンドタクシー</t>
    <phoneticPr fontId="2"/>
  </si>
  <si>
    <t>例）パーク・アンド・ライド促進施設の整備
　　バス・ロケーションシステム</t>
    <rPh sb="18" eb="20">
      <t>セイビ</t>
    </rPh>
    <phoneticPr fontId="2"/>
  </si>
  <si>
    <t>例）カラー舗装による自転車と歩行者の区分</t>
    <phoneticPr fontId="2"/>
  </si>
  <si>
    <t>例）自転車レーンの設置</t>
    <rPh sb="9" eb="11">
      <t>セッチ</t>
    </rPh>
    <phoneticPr fontId="2"/>
  </si>
  <si>
    <t>例）段差を解消したユニバーサルデザインブロックを使用した歩道づくり</t>
    <phoneticPr fontId="2"/>
  </si>
  <si>
    <t>例）天然ガス・エコステーション</t>
    <phoneticPr fontId="2"/>
  </si>
  <si>
    <t>例）公開空地の緑化、屋上緑化、壁面緑化</t>
    <phoneticPr fontId="2"/>
  </si>
  <si>
    <t>・照明設備に代わり、太陽光を利用した自然採光システムを導入する。</t>
    <rPh sb="1" eb="3">
      <t>ショウメイ</t>
    </rPh>
    <rPh sb="3" eb="5">
      <t>セツビ</t>
    </rPh>
    <rPh sb="6" eb="7">
      <t>カ</t>
    </rPh>
    <rPh sb="10" eb="13">
      <t>タイヨウコウ</t>
    </rPh>
    <rPh sb="14" eb="16">
      <t>リヨウ</t>
    </rPh>
    <rPh sb="18" eb="20">
      <t>シゼン</t>
    </rPh>
    <rPh sb="20" eb="22">
      <t>サイコウ</t>
    </rPh>
    <rPh sb="27" eb="29">
      <t>ドウニュウ</t>
    </rPh>
    <phoneticPr fontId="2"/>
  </si>
  <si>
    <t>・空調設備に代わり、冷房負担低減に有効な自然通風・自然換気システムを導入する。</t>
    <rPh sb="1" eb="3">
      <t>クウチョウ</t>
    </rPh>
    <rPh sb="3" eb="5">
      <t>セツビ</t>
    </rPh>
    <rPh sb="6" eb="7">
      <t>カ</t>
    </rPh>
    <rPh sb="10" eb="12">
      <t>レイボウ</t>
    </rPh>
    <rPh sb="12" eb="14">
      <t>フタン</t>
    </rPh>
    <rPh sb="14" eb="16">
      <t>テイゲン</t>
    </rPh>
    <rPh sb="17" eb="19">
      <t>ユウコウ</t>
    </rPh>
    <rPh sb="20" eb="22">
      <t>シゼン</t>
    </rPh>
    <phoneticPr fontId="2"/>
  </si>
  <si>
    <t>・電力設備に代わり、太陽光発電を利用したシステムを導入する。</t>
    <rPh sb="1" eb="3">
      <t>デンリョク</t>
    </rPh>
    <phoneticPr fontId="2"/>
  </si>
  <si>
    <t>・熱源設備において、太陽熱利用システムを導入する。</t>
    <rPh sb="1" eb="3">
      <t>ネツゲン</t>
    </rPh>
    <phoneticPr fontId="2"/>
  </si>
  <si>
    <t>・電力設備に代わり、風力発電を利用したシステムを導入する。</t>
    <phoneticPr fontId="2"/>
  </si>
  <si>
    <t>・太陽光、太陽熱、風力以外の再生可能エネルギー設備を導入する。</t>
    <rPh sb="1" eb="4">
      <t>タイヨウコウ</t>
    </rPh>
    <rPh sb="5" eb="8">
      <t>タイヨウネツ</t>
    </rPh>
    <rPh sb="9" eb="11">
      <t>フウリョク</t>
    </rPh>
    <rPh sb="11" eb="13">
      <t>イガイ</t>
    </rPh>
    <rPh sb="14" eb="16">
      <t>サイセイ</t>
    </rPh>
    <rPh sb="16" eb="18">
      <t>カノウ</t>
    </rPh>
    <rPh sb="23" eb="25">
      <t>セツビ</t>
    </rPh>
    <phoneticPr fontId="2"/>
  </si>
  <si>
    <t>例）地熱</t>
    <phoneticPr fontId="2"/>
  </si>
  <si>
    <t>・熱源設備において、ヒートポンプ利用設備を導入する。</t>
    <rPh sb="1" eb="3">
      <t>ネツゲン</t>
    </rPh>
    <phoneticPr fontId="2"/>
  </si>
  <si>
    <t>・照明設備において、発光ダイオード（LED）利用設備を導入する。</t>
    <rPh sb="1" eb="3">
      <t>ショウメイ</t>
    </rPh>
    <phoneticPr fontId="2"/>
  </si>
  <si>
    <t>・電力・熱を有効利用するコージェネレーションシステムを導入する。</t>
    <phoneticPr fontId="2"/>
  </si>
  <si>
    <t>・業務用・家庭用電熱源としての燃料電池を導入する。</t>
    <rPh sb="1" eb="4">
      <t>ギョウムヨウ</t>
    </rPh>
    <rPh sb="5" eb="8">
      <t>カテイヨウ</t>
    </rPh>
    <rPh sb="8" eb="9">
      <t>デン</t>
    </rPh>
    <rPh sb="9" eb="11">
      <t>ネツゲン</t>
    </rPh>
    <rPh sb="15" eb="17">
      <t>ネンリョウ</t>
    </rPh>
    <rPh sb="17" eb="19">
      <t>デンチ</t>
    </rPh>
    <phoneticPr fontId="2"/>
  </si>
  <si>
    <t>・温度差エネルギーをエネルギー源として利用する。</t>
    <rPh sb="1" eb="4">
      <t>オンドサ</t>
    </rPh>
    <rPh sb="15" eb="16">
      <t>ゲン</t>
    </rPh>
    <rPh sb="19" eb="21">
      <t>リヨウ</t>
    </rPh>
    <phoneticPr fontId="2"/>
  </si>
  <si>
    <t>・排熱エネルギーをエネルギー源として利用する。</t>
    <rPh sb="14" eb="15">
      <t>ゲン</t>
    </rPh>
    <rPh sb="18" eb="20">
      <t>リヨウ</t>
    </rPh>
    <phoneticPr fontId="2"/>
  </si>
  <si>
    <t>・廃棄物エネルギーをエネルギー源として利用する。</t>
    <phoneticPr fontId="2"/>
  </si>
  <si>
    <t>・エネルギーを面的に利用するエネルギーネットワークシステムを構築する。</t>
    <rPh sb="30" eb="32">
      <t>コウチク</t>
    </rPh>
    <phoneticPr fontId="2"/>
  </si>
  <si>
    <t>・面的なエネルギー貯蔵システムを構築する</t>
    <rPh sb="16" eb="18">
      <t>コウチク</t>
    </rPh>
    <phoneticPr fontId="2"/>
  </si>
  <si>
    <t>・効率的なエネルギー輸送のため、熱供給用パイプラインを断熱化する。</t>
    <rPh sb="27" eb="29">
      <t>ダンネツ</t>
    </rPh>
    <rPh sb="29" eb="30">
      <t>カ</t>
    </rPh>
    <phoneticPr fontId="2"/>
  </si>
  <si>
    <t>・エネルギー供給用ローカルパイプラインを敷設する。</t>
    <phoneticPr fontId="2"/>
  </si>
  <si>
    <t>・面的なエネルギー管理システムを導入する。</t>
    <phoneticPr fontId="2"/>
  </si>
  <si>
    <t>・効率的なエネルギー利用のための制御システムを導入する。</t>
    <phoneticPr fontId="2"/>
  </si>
  <si>
    <t>・照明設備に代わり、太陽光を利用した自然採光システムを導入する。（再掲）</t>
    <rPh sb="33" eb="35">
      <t>サイケイ</t>
    </rPh>
    <phoneticPr fontId="2"/>
  </si>
  <si>
    <t>・空調設備に代わり、冷房負担低減に有効な自然通風・自然換気システムを導入する。（再掲）</t>
    <rPh sb="40" eb="42">
      <t>サイケイ</t>
    </rPh>
    <phoneticPr fontId="2"/>
  </si>
  <si>
    <t>・熱電源設備として、高効率熱源機や蓄熱システムを導入し、熱源の効率化を図る。</t>
    <rPh sb="1" eb="2">
      <t>ネツ</t>
    </rPh>
    <rPh sb="2" eb="4">
      <t>デンゲン</t>
    </rPh>
    <rPh sb="4" eb="6">
      <t>セツビ</t>
    </rPh>
    <rPh sb="10" eb="13">
      <t>コウコウリツ</t>
    </rPh>
    <rPh sb="13" eb="16">
      <t>ネツゲンキ</t>
    </rPh>
    <rPh sb="17" eb="19">
      <t>チクネツ</t>
    </rPh>
    <rPh sb="24" eb="26">
      <t>ドウニュウ</t>
    </rPh>
    <rPh sb="28" eb="30">
      <t>ネツゲン</t>
    </rPh>
    <rPh sb="31" eb="34">
      <t>コウリツカ</t>
    </rPh>
    <rPh sb="35" eb="36">
      <t>ハカ</t>
    </rPh>
    <phoneticPr fontId="2"/>
  </si>
  <si>
    <t>・高効率な冷暖房設備を導入する。</t>
    <phoneticPr fontId="2"/>
  </si>
  <si>
    <t>・高効率な給湯設備を導入する。</t>
    <rPh sb="5" eb="9">
      <t>キュウトウセツビ</t>
    </rPh>
    <phoneticPr fontId="2"/>
  </si>
  <si>
    <t>・高効率な照明設備を導入する。</t>
    <rPh sb="5" eb="7">
      <t>ショウメイ</t>
    </rPh>
    <rPh sb="7" eb="9">
      <t>セツビ</t>
    </rPh>
    <phoneticPr fontId="2"/>
  </si>
  <si>
    <t>・建築物におけるエネルギー管理システムを導入する。</t>
    <rPh sb="1" eb="4">
      <t>ケンチクブツ</t>
    </rPh>
    <rPh sb="13" eb="15">
      <t>カンリ</t>
    </rPh>
    <rPh sb="20" eb="22">
      <t>ドウニュウ</t>
    </rPh>
    <phoneticPr fontId="2"/>
  </si>
  <si>
    <t>・効率的なエネルギー利用のための制御システムを導入する。</t>
    <rPh sb="1" eb="4">
      <t>コウリツテキ</t>
    </rPh>
    <rPh sb="10" eb="12">
      <t>リヨウ</t>
    </rPh>
    <rPh sb="16" eb="18">
      <t>セイギョ</t>
    </rPh>
    <rPh sb="23" eb="25">
      <t>ドウニュウ</t>
    </rPh>
    <phoneticPr fontId="2"/>
  </si>
  <si>
    <t>・排熱量の少ない設備の導入を図る。</t>
    <rPh sb="1" eb="3">
      <t>ハイネツ</t>
    </rPh>
    <rPh sb="3" eb="4">
      <t>リョウ</t>
    </rPh>
    <rPh sb="5" eb="6">
      <t>スク</t>
    </rPh>
    <rPh sb="8" eb="10">
      <t>セツビ</t>
    </rPh>
    <rPh sb="11" eb="13">
      <t>ドウニュウ</t>
    </rPh>
    <rPh sb="14" eb="15">
      <t>ハカ</t>
    </rPh>
    <phoneticPr fontId="2"/>
  </si>
  <si>
    <t>・排熱のショートサーキットの防止など、適切な設備の稼働を図る。</t>
    <rPh sb="1" eb="3">
      <t>ハイネツ</t>
    </rPh>
    <rPh sb="14" eb="16">
      <t>ボウシ</t>
    </rPh>
    <rPh sb="19" eb="21">
      <t>テキセツ</t>
    </rPh>
    <rPh sb="22" eb="24">
      <t>セツビ</t>
    </rPh>
    <rPh sb="25" eb="27">
      <t>カドウ</t>
    </rPh>
    <rPh sb="28" eb="29">
      <t>ハカ</t>
    </rPh>
    <phoneticPr fontId="2"/>
  </si>
  <si>
    <t>・熱源の水噴霧、水冷化、空冷化などによる排熱の潜熱化により、設備からの排熱の低温化を図る。</t>
    <rPh sb="1" eb="3">
      <t>ネツゲン</t>
    </rPh>
    <rPh sb="4" eb="5">
      <t>ミズ</t>
    </rPh>
    <rPh sb="5" eb="7">
      <t>フンム</t>
    </rPh>
    <rPh sb="8" eb="10">
      <t>スイレイ</t>
    </rPh>
    <rPh sb="10" eb="11">
      <t>カ</t>
    </rPh>
    <rPh sb="12" eb="14">
      <t>クウレイ</t>
    </rPh>
    <rPh sb="14" eb="15">
      <t>カ</t>
    </rPh>
    <rPh sb="20" eb="22">
      <t>ハイネツ</t>
    </rPh>
    <rPh sb="23" eb="25">
      <t>センネツ</t>
    </rPh>
    <rPh sb="25" eb="26">
      <t>カ</t>
    </rPh>
    <rPh sb="30" eb="32">
      <t>セツビ</t>
    </rPh>
    <rPh sb="35" eb="37">
      <t>ハイネツ</t>
    </rPh>
    <rPh sb="38" eb="41">
      <t>テイオンカ</t>
    </rPh>
    <rPh sb="42" eb="43">
      <t>ハカ</t>
    </rPh>
    <phoneticPr fontId="2"/>
  </si>
  <si>
    <t>・河川水や下水などのヒートシンクの利用により、設備からの排熱の低温化を図る。</t>
    <rPh sb="1" eb="4">
      <t>カセンスイ</t>
    </rPh>
    <rPh sb="5" eb="6">
      <t>シタ</t>
    </rPh>
    <rPh sb="6" eb="7">
      <t>ミズ</t>
    </rPh>
    <rPh sb="17" eb="19">
      <t>リヨウ</t>
    </rPh>
    <rPh sb="23" eb="25">
      <t>セツビ</t>
    </rPh>
    <rPh sb="28" eb="30">
      <t>ハイネツ</t>
    </rPh>
    <rPh sb="31" eb="34">
      <t>テイオンカ</t>
    </rPh>
    <rPh sb="35" eb="36">
      <t>ハカ</t>
    </rPh>
    <phoneticPr fontId="2"/>
  </si>
  <si>
    <t>・設備からの排熱低減のため、排熱回収設備を導入する。</t>
    <rPh sb="1" eb="3">
      <t>セツビ</t>
    </rPh>
    <rPh sb="6" eb="8">
      <t>ハイネツ</t>
    </rPh>
    <rPh sb="8" eb="10">
      <t>テイゲン</t>
    </rPh>
    <rPh sb="14" eb="16">
      <t>ハイネツ</t>
    </rPh>
    <rPh sb="16" eb="18">
      <t>カイシュウ</t>
    </rPh>
    <rPh sb="18" eb="20">
      <t>セツビ</t>
    </rPh>
    <rPh sb="21" eb="23">
      <t>ドウニュウ</t>
    </rPh>
    <phoneticPr fontId="2"/>
  </si>
  <si>
    <t>・排熱のピークシフトを図る。</t>
    <rPh sb="11" eb="12">
      <t>ハカ</t>
    </rPh>
    <phoneticPr fontId="2"/>
  </si>
  <si>
    <t>・夜間の設備・システム運転を自粛する。</t>
    <phoneticPr fontId="2"/>
  </si>
  <si>
    <t>・歩行者空間に配慮し、排熱設備を設置する。</t>
    <phoneticPr fontId="2"/>
  </si>
  <si>
    <t>・建築物の高い位置や風通しの良い場所等、熱が拡散しやすい位置で排熱する。</t>
    <phoneticPr fontId="2"/>
  </si>
  <si>
    <t>・開発区域内の自然被覆化を図る。</t>
    <rPh sb="1" eb="6">
      <t>カイハツクイキナイ</t>
    </rPh>
    <rPh sb="7" eb="9">
      <t>シゼン</t>
    </rPh>
    <rPh sb="9" eb="11">
      <t>ヒフク</t>
    </rPh>
    <rPh sb="11" eb="12">
      <t>カ</t>
    </rPh>
    <rPh sb="13" eb="14">
      <t>ハカ</t>
    </rPh>
    <phoneticPr fontId="2"/>
  </si>
  <si>
    <t>・地表面の被覆にあたっては、保水性、透水性の高い被覆材・舗装材を利用する。</t>
    <phoneticPr fontId="2"/>
  </si>
  <si>
    <t>・日射反射率の高い被覆材を利用する。</t>
    <phoneticPr fontId="2"/>
  </si>
  <si>
    <t>・貯留雨水や下水道再生水等を活用し、路上散水を行う。</t>
    <rPh sb="23" eb="24">
      <t>オコナ</t>
    </rPh>
    <phoneticPr fontId="2"/>
  </si>
  <si>
    <t>・自治体等が定める制度・基準等を踏まえ、開発区域内の緑化を図る。</t>
    <rPh sb="1" eb="4">
      <t>ジチタイ</t>
    </rPh>
    <rPh sb="4" eb="5">
      <t>ナド</t>
    </rPh>
    <rPh sb="6" eb="7">
      <t>サダ</t>
    </rPh>
    <rPh sb="9" eb="11">
      <t>セイド</t>
    </rPh>
    <rPh sb="12" eb="14">
      <t>キジュン</t>
    </rPh>
    <rPh sb="14" eb="15">
      <t>ナド</t>
    </rPh>
    <rPh sb="16" eb="17">
      <t>フ</t>
    </rPh>
    <rPh sb="20" eb="22">
      <t>カイハツ</t>
    </rPh>
    <rPh sb="22" eb="24">
      <t>クイキ</t>
    </rPh>
    <rPh sb="24" eb="25">
      <t>ナイ</t>
    </rPh>
    <rPh sb="26" eb="28">
      <t>リョッカ</t>
    </rPh>
    <rPh sb="29" eb="30">
      <t>ハカ</t>
    </rPh>
    <phoneticPr fontId="2"/>
  </si>
  <si>
    <t>・公園等において、ヒートシンクとしての水面を創出する。</t>
    <phoneticPr fontId="2"/>
  </si>
  <si>
    <t>・歩行者空間等の暑熱環境を緩和する冷却装置を設置する。</t>
    <rPh sb="1" eb="4">
      <t>ホコウシャ</t>
    </rPh>
    <rPh sb="4" eb="6">
      <t>クウカン</t>
    </rPh>
    <rPh sb="6" eb="7">
      <t>ナド</t>
    </rPh>
    <rPh sb="8" eb="9">
      <t>アツ</t>
    </rPh>
    <rPh sb="9" eb="10">
      <t>ネツ</t>
    </rPh>
    <rPh sb="10" eb="12">
      <t>カンキョウ</t>
    </rPh>
    <rPh sb="13" eb="15">
      <t>カンワ</t>
    </rPh>
    <rPh sb="17" eb="19">
      <t>レイキャク</t>
    </rPh>
    <rPh sb="19" eb="21">
      <t>ソウチ</t>
    </rPh>
    <rPh sb="22" eb="24">
      <t>セッチ</t>
    </rPh>
    <phoneticPr fontId="2"/>
  </si>
  <si>
    <t>・歩行者空間等へ風を導く建築物の配置、形態計画に配慮する。</t>
    <rPh sb="1" eb="4">
      <t>ホコウシャ</t>
    </rPh>
    <rPh sb="4" eb="6">
      <t>クウカン</t>
    </rPh>
    <rPh sb="6" eb="7">
      <t>ナド</t>
    </rPh>
    <rPh sb="8" eb="9">
      <t>カゼ</t>
    </rPh>
    <rPh sb="10" eb="11">
      <t>ミチビ</t>
    </rPh>
    <rPh sb="12" eb="15">
      <t>ケンチクブツ</t>
    </rPh>
    <rPh sb="16" eb="18">
      <t>ハイチ</t>
    </rPh>
    <rPh sb="19" eb="21">
      <t>ケイタイ</t>
    </rPh>
    <rPh sb="21" eb="23">
      <t>ケイカク</t>
    </rPh>
    <rPh sb="24" eb="26">
      <t>ハイリョ</t>
    </rPh>
    <phoneticPr fontId="2"/>
  </si>
  <si>
    <t>・建築物の見付け面積縮小等により、風の通り道を確保する。</t>
    <phoneticPr fontId="2"/>
  </si>
  <si>
    <t>・緑地や水路、通路等の空地等オープンスペースの連続性に配慮し、風の通り道を確保する。</t>
    <rPh sb="1" eb="3">
      <t>リョクチ</t>
    </rPh>
    <rPh sb="4" eb="6">
      <t>スイロ</t>
    </rPh>
    <rPh sb="7" eb="9">
      <t>ツウロ</t>
    </rPh>
    <rPh sb="9" eb="10">
      <t>ナド</t>
    </rPh>
    <rPh sb="11" eb="13">
      <t>クウチ</t>
    </rPh>
    <rPh sb="13" eb="14">
      <t>トウ</t>
    </rPh>
    <rPh sb="23" eb="26">
      <t>レンゾクセイ</t>
    </rPh>
    <rPh sb="27" eb="29">
      <t>ハイリョ</t>
    </rPh>
    <rPh sb="31" eb="32">
      <t>カゼ</t>
    </rPh>
    <rPh sb="33" eb="34">
      <t>トオ</t>
    </rPh>
    <rPh sb="35" eb="36">
      <t>ミチ</t>
    </rPh>
    <rPh sb="37" eb="39">
      <t>カクホ</t>
    </rPh>
    <phoneticPr fontId="2"/>
  </si>
  <si>
    <t>・開発区域とその周辺地域を対象とした地域交通システムを導入する。</t>
    <rPh sb="1" eb="3">
      <t>カイハツ</t>
    </rPh>
    <rPh sb="3" eb="5">
      <t>クイキ</t>
    </rPh>
    <rPh sb="8" eb="10">
      <t>シュウヘン</t>
    </rPh>
    <rPh sb="10" eb="12">
      <t>チイキ</t>
    </rPh>
    <rPh sb="13" eb="15">
      <t>タイショウ</t>
    </rPh>
    <rPh sb="18" eb="20">
      <t>チイキ</t>
    </rPh>
    <rPh sb="20" eb="22">
      <t>コウツウ</t>
    </rPh>
    <rPh sb="27" eb="29">
      <t>ドウニュウ</t>
    </rPh>
    <phoneticPr fontId="2"/>
  </si>
  <si>
    <t>・公共交通機関の利便性向上を図るため、電車やバス等公共交通機関への乗り継ぎ・乗り換え環境を整備する。</t>
    <rPh sb="1" eb="3">
      <t>コウキョウ</t>
    </rPh>
    <rPh sb="3" eb="5">
      <t>コウツウ</t>
    </rPh>
    <rPh sb="5" eb="7">
      <t>キカン</t>
    </rPh>
    <rPh sb="8" eb="11">
      <t>リベンセイ</t>
    </rPh>
    <rPh sb="11" eb="13">
      <t>コウジョウ</t>
    </rPh>
    <rPh sb="14" eb="15">
      <t>ハカ</t>
    </rPh>
    <rPh sb="19" eb="21">
      <t>デンシャ</t>
    </rPh>
    <rPh sb="24" eb="25">
      <t>ナド</t>
    </rPh>
    <rPh sb="25" eb="31">
      <t>コウキョウコウツウキカン</t>
    </rPh>
    <rPh sb="33" eb="34">
      <t>ノ</t>
    </rPh>
    <rPh sb="35" eb="36">
      <t>ツ</t>
    </rPh>
    <rPh sb="38" eb="39">
      <t>ノ</t>
    </rPh>
    <rPh sb="40" eb="41">
      <t>カ</t>
    </rPh>
    <rPh sb="42" eb="44">
      <t>カンキョウ</t>
    </rPh>
    <rPh sb="45" eb="47">
      <t>セイビ</t>
    </rPh>
    <phoneticPr fontId="2"/>
  </si>
  <si>
    <t>・自転車と歩行者の移動位置を区分するなど、自転車の利用環境を整備する。</t>
    <phoneticPr fontId="2"/>
  </si>
  <si>
    <t>・自転車が利用可能な通路等を設置する。</t>
    <rPh sb="5" eb="7">
      <t>リヨウ</t>
    </rPh>
    <rPh sb="7" eb="9">
      <t>カノウ</t>
    </rPh>
    <rPh sb="10" eb="12">
      <t>ツウロ</t>
    </rPh>
    <rPh sb="12" eb="13">
      <t>ナド</t>
    </rPh>
    <rPh sb="14" eb="16">
      <t>セッチ</t>
    </rPh>
    <phoneticPr fontId="2"/>
  </si>
  <si>
    <t>・歩きやすく快適な歩道を整備する。</t>
    <phoneticPr fontId="2"/>
  </si>
  <si>
    <t>・保水性、透水性の高い被覆材・舗装材を利用する。（再掲）</t>
    <rPh sb="25" eb="27">
      <t>サイケイ</t>
    </rPh>
    <phoneticPr fontId="2"/>
  </si>
  <si>
    <t>・日射反射率の高い被覆材を利用する。（再掲）</t>
    <rPh sb="19" eb="21">
      <t>サイケイ</t>
    </rPh>
    <phoneticPr fontId="2"/>
  </si>
  <si>
    <t>・二酸化炭素排出量の少ない自動車の利用促進設備を整備する。</t>
    <rPh sb="1" eb="4">
      <t>ニサンカ</t>
    </rPh>
    <rPh sb="4" eb="6">
      <t>タンソ</t>
    </rPh>
    <rPh sb="6" eb="8">
      <t>ハイシュツ</t>
    </rPh>
    <rPh sb="8" eb="9">
      <t>リョウ</t>
    </rPh>
    <rPh sb="10" eb="11">
      <t>スク</t>
    </rPh>
    <rPh sb="13" eb="16">
      <t>ジドウシャ</t>
    </rPh>
    <rPh sb="17" eb="19">
      <t>リヨウ</t>
    </rPh>
    <rPh sb="19" eb="21">
      <t>ソクシン</t>
    </rPh>
    <rPh sb="21" eb="23">
      <t>セツビ</t>
    </rPh>
    <rPh sb="24" eb="26">
      <t>セイビ</t>
    </rPh>
    <phoneticPr fontId="2"/>
  </si>
  <si>
    <t>・自動車の共同利用（カーシェアリング）環境を整備する。</t>
    <rPh sb="1" eb="4">
      <t>ジドウシャ</t>
    </rPh>
    <rPh sb="5" eb="7">
      <t>キョウドウ</t>
    </rPh>
    <rPh sb="7" eb="9">
      <t>リヨウ</t>
    </rPh>
    <rPh sb="19" eb="21">
      <t>カンキョウ</t>
    </rPh>
    <rPh sb="22" eb="24">
      <t>セイビ</t>
    </rPh>
    <phoneticPr fontId="2"/>
  </si>
  <si>
    <t>・開発区域とその周辺地域の交通を考慮した交通計画を作成する。</t>
    <rPh sb="1" eb="3">
      <t>カイハツ</t>
    </rPh>
    <rPh sb="3" eb="5">
      <t>クイキ</t>
    </rPh>
    <rPh sb="8" eb="10">
      <t>シュウヘン</t>
    </rPh>
    <rPh sb="10" eb="12">
      <t>チイキ</t>
    </rPh>
    <rPh sb="13" eb="15">
      <t>コウツウ</t>
    </rPh>
    <rPh sb="16" eb="18">
      <t>コウリョ</t>
    </rPh>
    <rPh sb="20" eb="22">
      <t>コウツウ</t>
    </rPh>
    <rPh sb="22" eb="24">
      <t>ケイカク</t>
    </rPh>
    <rPh sb="25" eb="27">
      <t>サクセイ</t>
    </rPh>
    <phoneticPr fontId="2"/>
  </si>
  <si>
    <t>・共同物流拠点を整備する。</t>
    <rPh sb="1" eb="3">
      <t>キョウドウ</t>
    </rPh>
    <rPh sb="3" eb="5">
      <t>ブツリュウ</t>
    </rPh>
    <rPh sb="5" eb="7">
      <t>キョテン</t>
    </rPh>
    <rPh sb="8" eb="10">
      <t>セイビ</t>
    </rPh>
    <phoneticPr fontId="2"/>
  </si>
  <si>
    <t>・共同集配システムを構築する。</t>
    <rPh sb="1" eb="3">
      <t>キョウドウ</t>
    </rPh>
    <rPh sb="3" eb="5">
      <t>シュウハイ</t>
    </rPh>
    <rPh sb="10" eb="12">
      <t>コウチク</t>
    </rPh>
    <phoneticPr fontId="2"/>
  </si>
  <si>
    <t>・緑化基準を上回る敷地内の緑化を図る。</t>
    <rPh sb="1" eb="3">
      <t>リョッカ</t>
    </rPh>
    <rPh sb="3" eb="5">
      <t>キジュン</t>
    </rPh>
    <rPh sb="6" eb="8">
      <t>ウワマワ</t>
    </rPh>
    <rPh sb="9" eb="11">
      <t>シキチ</t>
    </rPh>
    <rPh sb="11" eb="12">
      <t>ナイ</t>
    </rPh>
    <rPh sb="13" eb="15">
      <t>リョッカ</t>
    </rPh>
    <rPh sb="16" eb="17">
      <t>ハカ</t>
    </rPh>
    <phoneticPr fontId="2"/>
  </si>
  <si>
    <t>・道路の橋脚等、垂直道路壁面等への緑化を図る。</t>
    <rPh sb="1" eb="3">
      <t>ドウロ</t>
    </rPh>
    <rPh sb="4" eb="5">
      <t>ハシ</t>
    </rPh>
    <rPh sb="5" eb="6">
      <t>アシ</t>
    </rPh>
    <rPh sb="6" eb="7">
      <t>ナド</t>
    </rPh>
    <rPh sb="8" eb="10">
      <t>スイチョク</t>
    </rPh>
    <rPh sb="10" eb="12">
      <t>ドウロ</t>
    </rPh>
    <rPh sb="12" eb="14">
      <t>ヘキメン</t>
    </rPh>
    <rPh sb="14" eb="15">
      <t>ナド</t>
    </rPh>
    <rPh sb="17" eb="19">
      <t>リョッカ</t>
    </rPh>
    <rPh sb="20" eb="21">
      <t>ハカ</t>
    </rPh>
    <phoneticPr fontId="2"/>
  </si>
  <si>
    <t>・開発事業によって生じた裸地・造成法面において在来種による緑化を図る。</t>
    <phoneticPr fontId="2"/>
  </si>
  <si>
    <t>・二酸化炭素排出量の少ない輸送手段を選択する。</t>
    <rPh sb="1" eb="4">
      <t>ニサンカ</t>
    </rPh>
    <rPh sb="4" eb="6">
      <t>タンソ</t>
    </rPh>
    <rPh sb="6" eb="8">
      <t>ハイシュツ</t>
    </rPh>
    <rPh sb="8" eb="9">
      <t>リョウ</t>
    </rPh>
    <rPh sb="10" eb="11">
      <t>スク</t>
    </rPh>
    <rPh sb="13" eb="15">
      <t>ユソウ</t>
    </rPh>
    <rPh sb="15" eb="17">
      <t>シュダン</t>
    </rPh>
    <rPh sb="18" eb="20">
      <t>センタク</t>
    </rPh>
    <phoneticPr fontId="2"/>
  </si>
  <si>
    <t>・その他未利用エネルギーの利用。</t>
    <rPh sb="3" eb="4">
      <t>タ</t>
    </rPh>
    <rPh sb="4" eb="7">
      <t>ミリヨウ</t>
    </rPh>
    <rPh sb="13" eb="15">
      <t>リヨウ</t>
    </rPh>
    <phoneticPr fontId="2"/>
  </si>
  <si>
    <t>・有効な自然採光を確保する。</t>
    <rPh sb="1" eb="3">
      <t>ユウコウ</t>
    </rPh>
    <rPh sb="4" eb="6">
      <t>シゼン</t>
    </rPh>
    <rPh sb="6" eb="8">
      <t>サイコウ</t>
    </rPh>
    <rPh sb="9" eb="11">
      <t>カクホ</t>
    </rPh>
    <phoneticPr fontId="2"/>
  </si>
  <si>
    <t>・有効な自然通風を確保する。</t>
    <rPh sb="1" eb="3">
      <t>ユウコウ</t>
    </rPh>
    <rPh sb="4" eb="8">
      <t>シゼンツウフウ</t>
    </rPh>
    <rPh sb="9" eb="11">
      <t>カクホ</t>
    </rPh>
    <phoneticPr fontId="2"/>
  </si>
  <si>
    <t>ヒートアイランド現象の緩和</t>
    <phoneticPr fontId="2"/>
  </si>
  <si>
    <t>緑の保全と創出</t>
    <phoneticPr fontId="2"/>
  </si>
  <si>
    <t>工事に係る配慮</t>
    <phoneticPr fontId="2"/>
  </si>
  <si>
    <t>・建物外部からの熱負荷を低減するため、建築の形態や方位、コアの配置に配慮し、建築計画を立案する。</t>
    <rPh sb="1" eb="3">
      <t>タテモノ</t>
    </rPh>
    <rPh sb="3" eb="5">
      <t>ガイブ</t>
    </rPh>
    <rPh sb="8" eb="9">
      <t>ネツ</t>
    </rPh>
    <rPh sb="9" eb="11">
      <t>フカ</t>
    </rPh>
    <rPh sb="12" eb="14">
      <t>テイゲン</t>
    </rPh>
    <rPh sb="19" eb="21">
      <t>ケンチク</t>
    </rPh>
    <rPh sb="22" eb="24">
      <t>ケイタイ</t>
    </rPh>
    <rPh sb="25" eb="27">
      <t>ホウイ</t>
    </rPh>
    <rPh sb="31" eb="33">
      <t>ハイチ</t>
    </rPh>
    <rPh sb="34" eb="36">
      <t>ハイリョ</t>
    </rPh>
    <rPh sb="38" eb="40">
      <t>ケンチク</t>
    </rPh>
    <rPh sb="40" eb="42">
      <t>ケイカク</t>
    </rPh>
    <rPh sb="43" eb="45">
      <t>リツアン</t>
    </rPh>
    <phoneticPr fontId="2"/>
  </si>
  <si>
    <t>・建築物の断熱化を図る。</t>
    <rPh sb="1" eb="4">
      <t>ケンチクブツ</t>
    </rPh>
    <rPh sb="5" eb="7">
      <t>ダンネツ</t>
    </rPh>
    <rPh sb="7" eb="8">
      <t>カ</t>
    </rPh>
    <rPh sb="9" eb="10">
      <t>ハカ</t>
    </rPh>
    <phoneticPr fontId="2"/>
  </si>
  <si>
    <t>例）高断熱建材、保水建材、複層ガラス、外壁のダブルスキン構造、風除室</t>
    <rPh sb="0" eb="1">
      <t>レイ</t>
    </rPh>
    <rPh sb="2" eb="5">
      <t>コウダンネツ</t>
    </rPh>
    <rPh sb="5" eb="7">
      <t>ケンザイ</t>
    </rPh>
    <rPh sb="8" eb="10">
      <t>ホスイ</t>
    </rPh>
    <rPh sb="10" eb="12">
      <t>ケンザイ</t>
    </rPh>
    <rPh sb="13" eb="15">
      <t>フクソウ</t>
    </rPh>
    <rPh sb="19" eb="21">
      <t>ガイヘキ</t>
    </rPh>
    <rPh sb="28" eb="30">
      <t>コウゾウ</t>
    </rPh>
    <rPh sb="31" eb="34">
      <t>フウジョシツ</t>
    </rPh>
    <phoneticPr fontId="2"/>
  </si>
  <si>
    <t>・建築物に対する日射遮へいを図る。</t>
    <rPh sb="1" eb="4">
      <t>ケンチクブツ</t>
    </rPh>
    <rPh sb="5" eb="6">
      <t>タイ</t>
    </rPh>
    <rPh sb="8" eb="10">
      <t>ニッシャ</t>
    </rPh>
    <rPh sb="10" eb="11">
      <t>シャ</t>
    </rPh>
    <rPh sb="14" eb="15">
      <t>ハカ</t>
    </rPh>
    <phoneticPr fontId="2"/>
  </si>
  <si>
    <t>例）中、高木、庇、ルーバー等による日射遮へい
　　屋根、屋上、道路、駐車場等への遮熱性塗料塗布</t>
    <rPh sb="0" eb="1">
      <t>レイ</t>
    </rPh>
    <rPh sb="2" eb="3">
      <t>チュウ</t>
    </rPh>
    <rPh sb="4" eb="6">
      <t>コウボク</t>
    </rPh>
    <rPh sb="7" eb="8">
      <t>ヒサシ</t>
    </rPh>
    <rPh sb="13" eb="14">
      <t>トウ</t>
    </rPh>
    <rPh sb="17" eb="19">
      <t>ニッシャ</t>
    </rPh>
    <rPh sb="19" eb="20">
      <t>シャ</t>
    </rPh>
    <rPh sb="25" eb="27">
      <t>ヤネ</t>
    </rPh>
    <rPh sb="28" eb="30">
      <t>オクジョウ</t>
    </rPh>
    <rPh sb="31" eb="33">
      <t>ドウロ</t>
    </rPh>
    <rPh sb="34" eb="37">
      <t>チュウシャジョウ</t>
    </rPh>
    <rPh sb="37" eb="38">
      <t>トウ</t>
    </rPh>
    <rPh sb="40" eb="42">
      <t>シャネツ</t>
    </rPh>
    <rPh sb="42" eb="43">
      <t>セイ</t>
    </rPh>
    <rPh sb="43" eb="45">
      <t>トリョウ</t>
    </rPh>
    <rPh sb="45" eb="47">
      <t>トフ</t>
    </rPh>
    <phoneticPr fontId="2"/>
  </si>
  <si>
    <t>・有効な自然採光を確保する。（再掲）</t>
    <rPh sb="1" eb="3">
      <t>ユウコウ</t>
    </rPh>
    <rPh sb="4" eb="6">
      <t>シゼン</t>
    </rPh>
    <rPh sb="6" eb="8">
      <t>サイコウ</t>
    </rPh>
    <rPh sb="9" eb="11">
      <t>カクホ</t>
    </rPh>
    <rPh sb="15" eb="17">
      <t>サイケイ</t>
    </rPh>
    <phoneticPr fontId="2"/>
  </si>
  <si>
    <t>・有効な自然通風を確保する。（再掲）</t>
    <rPh sb="1" eb="3">
      <t>ユウコウ</t>
    </rPh>
    <rPh sb="4" eb="6">
      <t>シゼン</t>
    </rPh>
    <rPh sb="6" eb="8">
      <t>ツウフウ</t>
    </rPh>
    <rPh sb="9" eb="11">
      <t>カクホ</t>
    </rPh>
    <rPh sb="15" eb="17">
      <t>サイケイ</t>
    </rPh>
    <phoneticPr fontId="2"/>
  </si>
  <si>
    <t>・建築物の断熱化を図る。（再掲）</t>
    <rPh sb="1" eb="4">
      <t>ケンチクブツ</t>
    </rPh>
    <rPh sb="5" eb="7">
      <t>ダンネツ</t>
    </rPh>
    <rPh sb="7" eb="8">
      <t>カ</t>
    </rPh>
    <rPh sb="9" eb="10">
      <t>ハカ</t>
    </rPh>
    <rPh sb="13" eb="15">
      <t>サイケイ</t>
    </rPh>
    <phoneticPr fontId="2"/>
  </si>
  <si>
    <t>・有効な自然通風を確保する。（再掲）</t>
    <phoneticPr fontId="2"/>
  </si>
  <si>
    <t>・建築物に対する日射遮へいを図る。（再掲）</t>
    <rPh sb="1" eb="4">
      <t>ケンチクブツ</t>
    </rPh>
    <rPh sb="18" eb="20">
      <t>サイケイ</t>
    </rPh>
    <phoneticPr fontId="2"/>
  </si>
  <si>
    <t>資1-37</t>
    <phoneticPr fontId="2"/>
  </si>
  <si>
    <t>・開発区域内の舗装面積の最小化を図る。</t>
    <rPh sb="1" eb="3">
      <t>カイハツ</t>
    </rPh>
    <rPh sb="3" eb="5">
      <t>クイキ</t>
    </rPh>
    <rPh sb="5" eb="6">
      <t>ナイ</t>
    </rPh>
    <rPh sb="7" eb="9">
      <t>ホソウ</t>
    </rPh>
    <rPh sb="9" eb="11">
      <t>メンセキ</t>
    </rPh>
    <rPh sb="12" eb="15">
      <t>サイショウカ</t>
    </rPh>
    <rPh sb="16" eb="17">
      <t>ハカ</t>
    </rPh>
    <phoneticPr fontId="2"/>
  </si>
  <si>
    <t>・自治体等が定める制度・基準等に基づき、既存の樹木、緑地の保全を図る。</t>
    <rPh sb="1" eb="4">
      <t>ジチタイ</t>
    </rPh>
    <rPh sb="4" eb="5">
      <t>ナド</t>
    </rPh>
    <rPh sb="6" eb="7">
      <t>サダ</t>
    </rPh>
    <rPh sb="9" eb="11">
      <t>セイド</t>
    </rPh>
    <rPh sb="12" eb="14">
      <t>キジュン</t>
    </rPh>
    <rPh sb="14" eb="15">
      <t>ナド</t>
    </rPh>
    <rPh sb="16" eb="17">
      <t>モト</t>
    </rPh>
    <rPh sb="20" eb="22">
      <t>キゾン</t>
    </rPh>
    <rPh sb="23" eb="25">
      <t>ジュモク</t>
    </rPh>
    <rPh sb="26" eb="28">
      <t>リョクチ</t>
    </rPh>
    <rPh sb="29" eb="31">
      <t>ホゼン</t>
    </rPh>
    <rPh sb="32" eb="33">
      <t>ハカ</t>
    </rPh>
    <phoneticPr fontId="2"/>
  </si>
  <si>
    <t>・自治体等が定める制度・基準等に基づき、開発区域内の緑化を図る。</t>
    <rPh sb="1" eb="4">
      <t>ジチタイ</t>
    </rPh>
    <rPh sb="4" eb="5">
      <t>ナド</t>
    </rPh>
    <rPh sb="6" eb="7">
      <t>サダ</t>
    </rPh>
    <rPh sb="9" eb="11">
      <t>セイド</t>
    </rPh>
    <rPh sb="12" eb="14">
      <t>キジュン</t>
    </rPh>
    <rPh sb="14" eb="15">
      <t>ナド</t>
    </rPh>
    <rPh sb="16" eb="17">
      <t>モト</t>
    </rPh>
    <rPh sb="20" eb="22">
      <t>カイハツ</t>
    </rPh>
    <rPh sb="22" eb="24">
      <t>クイキ</t>
    </rPh>
    <rPh sb="24" eb="25">
      <t>ナイ</t>
    </rPh>
    <rPh sb="26" eb="28">
      <t>リョッカ</t>
    </rPh>
    <rPh sb="29" eb="30">
      <t>ハカ</t>
    </rPh>
    <phoneticPr fontId="2"/>
  </si>
  <si>
    <t>・日除けの設置や植樹等により、日陰を形成する。</t>
    <rPh sb="1" eb="3">
      <t>ヒヨ</t>
    </rPh>
    <rPh sb="5" eb="7">
      <t>セッチ</t>
    </rPh>
    <rPh sb="8" eb="10">
      <t>ショクジュ</t>
    </rPh>
    <rPh sb="10" eb="11">
      <t>ナド</t>
    </rPh>
    <rPh sb="15" eb="17">
      <t>ヒカゲ</t>
    </rPh>
    <rPh sb="18" eb="20">
      <t>ケイセイ</t>
    </rPh>
    <phoneticPr fontId="2"/>
  </si>
  <si>
    <t>例）中高木の緑地やピロティ、庇、パーゴラ等の設置、緑のカーテンの設置</t>
    <rPh sb="0" eb="1">
      <t>レイ</t>
    </rPh>
    <rPh sb="2" eb="4">
      <t>チュウコウ</t>
    </rPh>
    <rPh sb="4" eb="5">
      <t>ボク</t>
    </rPh>
    <rPh sb="6" eb="8">
      <t>リョクチ</t>
    </rPh>
    <rPh sb="14" eb="15">
      <t>ヒサシ</t>
    </rPh>
    <rPh sb="20" eb="21">
      <t>トウ</t>
    </rPh>
    <rPh sb="22" eb="24">
      <t>セッチ</t>
    </rPh>
    <rPh sb="25" eb="26">
      <t>ミドリ</t>
    </rPh>
    <rPh sb="32" eb="34">
      <t>セッチ</t>
    </rPh>
    <phoneticPr fontId="2"/>
  </si>
  <si>
    <t>資1-48</t>
    <phoneticPr fontId="2"/>
  </si>
  <si>
    <t>・事業の目的・用途に応じ、必要な駐輪場を整備する。</t>
    <rPh sb="1" eb="3">
      <t>ジギョウ</t>
    </rPh>
    <rPh sb="4" eb="6">
      <t>モクテキ</t>
    </rPh>
    <rPh sb="7" eb="9">
      <t>ヨウト</t>
    </rPh>
    <rPh sb="10" eb="11">
      <t>オウ</t>
    </rPh>
    <rPh sb="13" eb="15">
      <t>ヒツヨウ</t>
    </rPh>
    <rPh sb="16" eb="19">
      <t>チュウリンジョウ</t>
    </rPh>
    <rPh sb="20" eb="22">
      <t>セイビ</t>
    </rPh>
    <phoneticPr fontId="2"/>
  </si>
  <si>
    <t>・歩行者が安全に通行できる歩道を整備する。</t>
    <rPh sb="1" eb="4">
      <t>ホコウシャ</t>
    </rPh>
    <rPh sb="5" eb="7">
      <t>アンゼン</t>
    </rPh>
    <rPh sb="8" eb="10">
      <t>ツウコウ</t>
    </rPh>
    <rPh sb="13" eb="15">
      <t>ホドウ</t>
    </rPh>
    <rPh sb="16" eb="18">
      <t>セイビ</t>
    </rPh>
    <phoneticPr fontId="2"/>
  </si>
  <si>
    <t>資1-51</t>
    <phoneticPr fontId="2"/>
  </si>
  <si>
    <t>例）自転車走行空間と歩行空間の分離、車道と歩道間のマウントアップ</t>
    <rPh sb="0" eb="1">
      <t>レイ</t>
    </rPh>
    <rPh sb="2" eb="5">
      <t>ジテンシャ</t>
    </rPh>
    <rPh sb="5" eb="7">
      <t>ソウコウ</t>
    </rPh>
    <rPh sb="7" eb="9">
      <t>クウカン</t>
    </rPh>
    <rPh sb="10" eb="12">
      <t>ホコウ</t>
    </rPh>
    <rPh sb="12" eb="14">
      <t>クウカン</t>
    </rPh>
    <rPh sb="15" eb="17">
      <t>ブンリ</t>
    </rPh>
    <rPh sb="18" eb="20">
      <t>シャドウ</t>
    </rPh>
    <rPh sb="21" eb="23">
      <t>ホドウ</t>
    </rPh>
    <rPh sb="23" eb="24">
      <t>カン</t>
    </rPh>
    <phoneticPr fontId="2"/>
  </si>
  <si>
    <t>・荷捌き場を確保する。</t>
    <rPh sb="1" eb="3">
      <t>ニサバ</t>
    </rPh>
    <rPh sb="4" eb="5">
      <t>バ</t>
    </rPh>
    <rPh sb="6" eb="8">
      <t>カクホ</t>
    </rPh>
    <phoneticPr fontId="2"/>
  </si>
  <si>
    <t>・開発区域内の走行ルートを指定する。</t>
    <rPh sb="1" eb="3">
      <t>カイハツ</t>
    </rPh>
    <rPh sb="3" eb="5">
      <t>クイキ</t>
    </rPh>
    <rPh sb="5" eb="6">
      <t>ナイ</t>
    </rPh>
    <rPh sb="7" eb="9">
      <t>ソウコウ</t>
    </rPh>
    <rPh sb="13" eb="15">
      <t>シテイ</t>
    </rPh>
    <phoneticPr fontId="2"/>
  </si>
  <si>
    <t>資1-58</t>
    <phoneticPr fontId="2"/>
  </si>
  <si>
    <t>資1-60</t>
    <phoneticPr fontId="2"/>
  </si>
  <si>
    <t>資1-61</t>
    <phoneticPr fontId="2"/>
  </si>
  <si>
    <t>・自治体等が定める制度・基準等に基づき、既存の樹木、緑地の保全を図る。（再掲）</t>
    <rPh sb="36" eb="38">
      <t>サイケイ</t>
    </rPh>
    <phoneticPr fontId="2"/>
  </si>
  <si>
    <t>・事業の目的・用途に応じ、必要な駐車スペースを確保する。</t>
    <rPh sb="1" eb="3">
      <t>ジギョウ</t>
    </rPh>
    <rPh sb="4" eb="6">
      <t>モクテキ</t>
    </rPh>
    <rPh sb="7" eb="9">
      <t>ヨウト</t>
    </rPh>
    <rPh sb="10" eb="11">
      <t>オウ</t>
    </rPh>
    <rPh sb="13" eb="15">
      <t>ヒツヨウ</t>
    </rPh>
    <rPh sb="16" eb="18">
      <t>チュウシャ</t>
    </rPh>
    <rPh sb="23" eb="25">
      <t>カクホ</t>
    </rPh>
    <phoneticPr fontId="2"/>
  </si>
  <si>
    <t>・自治体等の緑化基準に基づき、敷地内の緑化を図る。（再掲）</t>
    <rPh sb="6" eb="8">
      <t>リョクカ</t>
    </rPh>
    <rPh sb="8" eb="10">
      <t>キジュン</t>
    </rPh>
    <rPh sb="11" eb="12">
      <t>モト</t>
    </rPh>
    <rPh sb="15" eb="17">
      <t>シキチ</t>
    </rPh>
    <rPh sb="17" eb="18">
      <t>ナイ</t>
    </rPh>
    <rPh sb="19" eb="21">
      <t>リョクカ</t>
    </rPh>
    <rPh sb="22" eb="23">
      <t>ハカ</t>
    </rPh>
    <rPh sb="26" eb="28">
      <t>サイケイ</t>
    </rPh>
    <phoneticPr fontId="2"/>
  </si>
  <si>
    <t>・植栽帯、緩衝緑地帯を整備する。</t>
    <rPh sb="1" eb="3">
      <t>ショクサイ</t>
    </rPh>
    <rPh sb="3" eb="4">
      <t>タイ</t>
    </rPh>
    <rPh sb="5" eb="7">
      <t>カンショウ</t>
    </rPh>
    <rPh sb="7" eb="9">
      <t>リョクチ</t>
    </rPh>
    <rPh sb="9" eb="10">
      <t>タイ</t>
    </rPh>
    <rPh sb="11" eb="13">
      <t>セイビ</t>
    </rPh>
    <phoneticPr fontId="2"/>
  </si>
  <si>
    <t>・街路樹を整備する。</t>
    <rPh sb="1" eb="4">
      <t>ガイロジュ</t>
    </rPh>
    <rPh sb="5" eb="7">
      <t>セイビ</t>
    </rPh>
    <phoneticPr fontId="2"/>
  </si>
  <si>
    <t>・開発事業によって生じた裸地・造成法面等の緑化を図る。</t>
    <rPh sb="1" eb="3">
      <t>カイハツ</t>
    </rPh>
    <rPh sb="3" eb="5">
      <t>ジギョウ</t>
    </rPh>
    <rPh sb="9" eb="10">
      <t>ショウ</t>
    </rPh>
    <rPh sb="12" eb="13">
      <t>ハダカ</t>
    </rPh>
    <rPh sb="13" eb="14">
      <t>チ</t>
    </rPh>
    <rPh sb="15" eb="17">
      <t>ゾウセイ</t>
    </rPh>
    <rPh sb="17" eb="18">
      <t>ホウ</t>
    </rPh>
    <rPh sb="18" eb="19">
      <t>メン</t>
    </rPh>
    <rPh sb="19" eb="20">
      <t>ナド</t>
    </rPh>
    <rPh sb="21" eb="23">
      <t>リョッカ</t>
    </rPh>
    <rPh sb="24" eb="25">
      <t>ハカ</t>
    </rPh>
    <phoneticPr fontId="2"/>
  </si>
  <si>
    <t>・環境ラベルのついた建設資材等のCO2排出量の少ない資材を使用する。</t>
    <rPh sb="1" eb="3">
      <t>カンキョウ</t>
    </rPh>
    <rPh sb="10" eb="12">
      <t>ケンセツ</t>
    </rPh>
    <rPh sb="12" eb="14">
      <t>シザイ</t>
    </rPh>
    <rPh sb="14" eb="15">
      <t>ナド</t>
    </rPh>
    <rPh sb="19" eb="22">
      <t>ハイシュツリョウ</t>
    </rPh>
    <rPh sb="23" eb="24">
      <t>スク</t>
    </rPh>
    <rPh sb="26" eb="28">
      <t>シザイ</t>
    </rPh>
    <rPh sb="29" eb="31">
      <t>シヨウ</t>
    </rPh>
    <phoneticPr fontId="2"/>
  </si>
  <si>
    <t>・再生資材の利用および建設廃棄物の再資源化を促進する。</t>
    <rPh sb="1" eb="3">
      <t>サイセイ</t>
    </rPh>
    <rPh sb="3" eb="5">
      <t>シザイ</t>
    </rPh>
    <rPh sb="6" eb="8">
      <t>リヨウ</t>
    </rPh>
    <rPh sb="11" eb="13">
      <t>ケンセツ</t>
    </rPh>
    <rPh sb="13" eb="16">
      <t>ハイキブツ</t>
    </rPh>
    <rPh sb="17" eb="21">
      <t>サイシゲンカ</t>
    </rPh>
    <rPh sb="22" eb="24">
      <t>ソクシン</t>
    </rPh>
    <phoneticPr fontId="2"/>
  </si>
  <si>
    <t>資1-69</t>
    <phoneticPr fontId="2"/>
  </si>
  <si>
    <t>・建設資材の調達において、輸送距離の最小化や効率的な輸送を図る。</t>
    <rPh sb="1" eb="3">
      <t>ケンセツ</t>
    </rPh>
    <rPh sb="3" eb="5">
      <t>シザイ</t>
    </rPh>
    <rPh sb="6" eb="8">
      <t>チョウタツ</t>
    </rPh>
    <rPh sb="13" eb="15">
      <t>ユソウ</t>
    </rPh>
    <rPh sb="15" eb="17">
      <t>キョリ</t>
    </rPh>
    <rPh sb="18" eb="21">
      <t>サイショウカ</t>
    </rPh>
    <rPh sb="22" eb="25">
      <t>コウリツテキ</t>
    </rPh>
    <rPh sb="26" eb="28">
      <t>ユソウ</t>
    </rPh>
    <rPh sb="29" eb="30">
      <t>ハカ</t>
    </rPh>
    <phoneticPr fontId="2"/>
  </si>
  <si>
    <t>資1-71</t>
    <phoneticPr fontId="2"/>
  </si>
  <si>
    <t>・低燃費型・省エネルギー型の建設機械等を採用する。</t>
    <rPh sb="1" eb="4">
      <t>テイネンピ</t>
    </rPh>
    <rPh sb="4" eb="5">
      <t>カタ</t>
    </rPh>
    <rPh sb="6" eb="7">
      <t>ショウ</t>
    </rPh>
    <rPh sb="12" eb="13">
      <t>カタ</t>
    </rPh>
    <rPh sb="14" eb="16">
      <t>ケンセツ</t>
    </rPh>
    <rPh sb="16" eb="18">
      <t>キカイ</t>
    </rPh>
    <rPh sb="18" eb="19">
      <t>ナド</t>
    </rPh>
    <rPh sb="20" eb="22">
      <t>サイヨウ</t>
    </rPh>
    <phoneticPr fontId="2"/>
  </si>
  <si>
    <t>資1-72</t>
    <phoneticPr fontId="2"/>
  </si>
  <si>
    <t>・車両、重機のアイドリングストップの推進など、省エネ運転を実施する。</t>
    <rPh sb="1" eb="3">
      <t>シャリョウ</t>
    </rPh>
    <rPh sb="4" eb="6">
      <t>ジュウキ</t>
    </rPh>
    <rPh sb="18" eb="20">
      <t>スイシン</t>
    </rPh>
    <rPh sb="23" eb="24">
      <t>ショウ</t>
    </rPh>
    <rPh sb="26" eb="28">
      <t>ウンテン</t>
    </rPh>
    <rPh sb="29" eb="31">
      <t>ジッシ</t>
    </rPh>
    <phoneticPr fontId="2"/>
  </si>
  <si>
    <t>・電気自動車用充電設備を整備する。</t>
    <rPh sb="1" eb="3">
      <t>デンキ</t>
    </rPh>
    <rPh sb="3" eb="7">
      <t>ジドウシャヨウ</t>
    </rPh>
    <rPh sb="7" eb="9">
      <t>ジュウデン</t>
    </rPh>
    <rPh sb="9" eb="11">
      <t>セツビ</t>
    </rPh>
    <rPh sb="12" eb="14">
      <t>セイビ</t>
    </rPh>
    <phoneticPr fontId="2"/>
  </si>
  <si>
    <t>・電気自動車用充電設備を整備する。（再掲）</t>
    <rPh sb="1" eb="3">
      <t>デンキ</t>
    </rPh>
    <rPh sb="3" eb="7">
      <t>ジドウシャヨウ</t>
    </rPh>
    <rPh sb="7" eb="9">
      <t>ジュウデン</t>
    </rPh>
    <rPh sb="9" eb="11">
      <t>セツビ</t>
    </rPh>
    <rPh sb="12" eb="14">
      <t>セイビ</t>
    </rPh>
    <rPh sb="18" eb="20">
      <t>サイケイ</t>
    </rPh>
    <phoneticPr fontId="2"/>
  </si>
  <si>
    <t>例）急速充電器、普通充電設備（100V/200Vコンセントなど）</t>
    <rPh sb="2" eb="4">
      <t>キュウソク</t>
    </rPh>
    <rPh sb="4" eb="7">
      <t>ジュウデンキ</t>
    </rPh>
    <rPh sb="8" eb="10">
      <t>フツウ</t>
    </rPh>
    <rPh sb="10" eb="12">
      <t>ジュウデン</t>
    </rPh>
    <rPh sb="12" eb="14">
      <t>セツビ</t>
    </rPh>
    <phoneticPr fontId="2"/>
  </si>
  <si>
    <t>　</t>
  </si>
  <si>
    <t>導入設備等例（補足）</t>
    <rPh sb="0" eb="2">
      <t>ドウニュウ</t>
    </rPh>
    <rPh sb="2" eb="4">
      <t>セツビ</t>
    </rPh>
    <rPh sb="4" eb="5">
      <t>トウ</t>
    </rPh>
    <rPh sb="5" eb="6">
      <t>レイ</t>
    </rPh>
    <rPh sb="7" eb="9">
      <t>ホソク</t>
    </rPh>
    <phoneticPr fontId="2"/>
  </si>
  <si>
    <r>
      <t>このシートに記載されている措置例については、</t>
    </r>
    <r>
      <rPr>
        <b/>
        <sz val="14"/>
        <rFont val="游ゴシック"/>
        <family val="3"/>
        <charset val="128"/>
      </rPr>
      <t>法令等により取組が義務付けられているまたは一定の水準の確保が推奨されている取組であり、基本的な排出の量の削減措置として積極的に取り組むものに位置付けていますので</t>
    </r>
    <r>
      <rPr>
        <b/>
        <sz val="14"/>
        <color rgb="FFFF0000"/>
        <rFont val="游ゴシック"/>
        <family val="3"/>
        <charset val="128"/>
      </rPr>
      <t>根拠資料は不要です。</t>
    </r>
    <rPh sb="6" eb="8">
      <t>キサイ</t>
    </rPh>
    <rPh sb="13" eb="15">
      <t>ソチ</t>
    </rPh>
    <rPh sb="15" eb="16">
      <t>レイ</t>
    </rPh>
    <rPh sb="22" eb="24">
      <t>ホウレイ</t>
    </rPh>
    <rPh sb="24" eb="25">
      <t>トウ</t>
    </rPh>
    <rPh sb="28" eb="30">
      <t>トリクミ</t>
    </rPh>
    <rPh sb="31" eb="34">
      <t>ギムヅ</t>
    </rPh>
    <rPh sb="43" eb="45">
      <t>イッテイ</t>
    </rPh>
    <rPh sb="46" eb="48">
      <t>スイジュン</t>
    </rPh>
    <rPh sb="49" eb="51">
      <t>カクホ</t>
    </rPh>
    <rPh sb="52" eb="54">
      <t>スイショウ</t>
    </rPh>
    <rPh sb="59" eb="61">
      <t>トリクミ</t>
    </rPh>
    <rPh sb="65" eb="68">
      <t>キホンテキ</t>
    </rPh>
    <rPh sb="69" eb="71">
      <t>ハイシュツ</t>
    </rPh>
    <rPh sb="72" eb="73">
      <t>リョウ</t>
    </rPh>
    <rPh sb="74" eb="76">
      <t>サクゲン</t>
    </rPh>
    <rPh sb="76" eb="78">
      <t>ソチ</t>
    </rPh>
    <rPh sb="81" eb="84">
      <t>セッキョクテキ</t>
    </rPh>
    <rPh sb="85" eb="86">
      <t>ト</t>
    </rPh>
    <rPh sb="87" eb="88">
      <t>ク</t>
    </rPh>
    <rPh sb="92" eb="95">
      <t>イチヅ</t>
    </rPh>
    <rPh sb="102" eb="104">
      <t>コンキョ</t>
    </rPh>
    <rPh sb="104" eb="106">
      <t>シリョウ</t>
    </rPh>
    <rPh sb="107" eb="109">
      <t>フヨウ</t>
    </rPh>
    <phoneticPr fontId="2"/>
  </si>
  <si>
    <t>例）ヒートポンプ冷暖房・給湯設備</t>
    <phoneticPr fontId="2"/>
  </si>
  <si>
    <t>例）業務用・家庭用電熱源としての天然ガスコージェネレーション</t>
    <phoneticPr fontId="2"/>
  </si>
  <si>
    <t>←神奈川県土に適した植物については、資1-68を参照してください</t>
    <rPh sb="1" eb="5">
      <t>カナガワケン</t>
    </rPh>
    <rPh sb="5" eb="6">
      <t>ツチ</t>
    </rPh>
    <rPh sb="7" eb="8">
      <t>テキ</t>
    </rPh>
    <rPh sb="10" eb="12">
      <t>ショクブツ</t>
    </rPh>
    <rPh sb="18" eb="19">
      <t>シ</t>
    </rPh>
    <rPh sb="24" eb="26">
      <t>サンショウ</t>
    </rPh>
    <phoneticPr fontId="2"/>
  </si>
  <si>
    <t>例）地域冷暖房システムの構築（熱供給事業型システムの構築）
　　集中プラント型熱供給システムの構築
　　建物間エネルギー融通システムの構築
　　再生可能エネルギー等を活用したマイクログリッドシステムの構築</t>
    <rPh sb="47" eb="49">
      <t>コウチク</t>
    </rPh>
    <rPh sb="67" eb="69">
      <t>コウチク</t>
    </rPh>
    <rPh sb="72" eb="74">
      <t>サイセイ</t>
    </rPh>
    <rPh sb="74" eb="76">
      <t>カノウ</t>
    </rPh>
    <rPh sb="100" eb="102">
      <t>コウチク</t>
    </rPh>
    <phoneticPr fontId="2"/>
  </si>
  <si>
    <t>例）再生可能エネルギー等を活用したマイクログリッドシステム</t>
    <rPh sb="2" eb="4">
      <t>サイセイ</t>
    </rPh>
    <rPh sb="4" eb="6">
      <t>カノウ</t>
    </rPh>
    <phoneticPr fontId="2"/>
  </si>
  <si>
    <t>温室効果ガスの排出の抑制を図るため実施しようとする措置の内容</t>
    <phoneticPr fontId="2"/>
  </si>
  <si>
    <t>特定開発事業温暖化対策計画書（第17号様式第２面）作成補助シート</t>
    <rPh sb="0" eb="2">
      <t>トクテイ</t>
    </rPh>
    <rPh sb="2" eb="4">
      <t>カイハツ</t>
    </rPh>
    <rPh sb="4" eb="6">
      <t>ジギョウ</t>
    </rPh>
    <rPh sb="19" eb="21">
      <t>ヨウシキ</t>
    </rPh>
    <rPh sb="21" eb="22">
      <t>ダイ</t>
    </rPh>
    <rPh sb="23" eb="24">
      <t>メン</t>
    </rPh>
    <rPh sb="25" eb="27">
      <t>サクセイ</t>
    </rPh>
    <rPh sb="27" eb="29">
      <t>ホジョ</t>
    </rPh>
    <phoneticPr fontId="2"/>
  </si>
  <si>
    <r>
      <t xml:space="preserve">取組の水準に該当する措置例（目標とする取組）
</t>
    </r>
    <r>
      <rPr>
        <sz val="11"/>
        <color theme="1"/>
        <rFont val="游ゴシック"/>
        <family val="3"/>
        <charset val="128"/>
      </rPr>
      <t>（該当する取り組みがあれば計画書へコピペしてください）</t>
    </r>
    <rPh sb="0" eb="2">
      <t>トリクミ</t>
    </rPh>
    <rPh sb="3" eb="5">
      <t>スイジュン</t>
    </rPh>
    <rPh sb="6" eb="8">
      <t>ガイトウ</t>
    </rPh>
    <rPh sb="10" eb="12">
      <t>ソチ</t>
    </rPh>
    <rPh sb="12" eb="13">
      <t>レイ</t>
    </rPh>
    <rPh sb="14" eb="16">
      <t>モクヒョウ</t>
    </rPh>
    <rPh sb="19" eb="21">
      <t>トリクミ</t>
    </rPh>
    <rPh sb="24" eb="26">
      <t>ガイトウ</t>
    </rPh>
    <rPh sb="28" eb="29">
      <t>ト</t>
    </rPh>
    <rPh sb="30" eb="31">
      <t>ク</t>
    </rPh>
    <rPh sb="36" eb="39">
      <t>ケイカクショ</t>
    </rPh>
    <phoneticPr fontId="2"/>
  </si>
  <si>
    <r>
      <t xml:space="preserve">取組の水準に該当する措置例（基本的な取組）
</t>
    </r>
    <r>
      <rPr>
        <sz val="11"/>
        <color theme="1"/>
        <rFont val="游ゴシック"/>
        <family val="3"/>
        <charset val="128"/>
      </rPr>
      <t>（該当する取り組みがあれば計画書へコピペしてください）</t>
    </r>
    <rPh sb="0" eb="2">
      <t>トリクミ</t>
    </rPh>
    <rPh sb="3" eb="5">
      <t>スイジュン</t>
    </rPh>
    <rPh sb="6" eb="8">
      <t>ガイトウ</t>
    </rPh>
    <rPh sb="10" eb="12">
      <t>ソチ</t>
    </rPh>
    <rPh sb="12" eb="13">
      <t>レイ</t>
    </rPh>
    <rPh sb="14" eb="17">
      <t>キホンテキ</t>
    </rPh>
    <rPh sb="18" eb="20">
      <t>トリクミ</t>
    </rPh>
    <rPh sb="23" eb="25">
      <t>ガイトウ</t>
    </rPh>
    <rPh sb="27" eb="28">
      <t>ト</t>
    </rPh>
    <rPh sb="29" eb="30">
      <t>ク</t>
    </rPh>
    <rPh sb="35" eb="38">
      <t>ケイカクショ</t>
    </rPh>
    <phoneticPr fontId="2"/>
  </si>
  <si>
    <t>・建設機械（車両、重機等）を適正に整備する。</t>
    <rPh sb="1" eb="3">
      <t>ケンセツ</t>
    </rPh>
    <rPh sb="3" eb="5">
      <t>キカイ</t>
    </rPh>
    <rPh sb="6" eb="8">
      <t>シャリョウ</t>
    </rPh>
    <rPh sb="9" eb="11">
      <t>ジュウキ</t>
    </rPh>
    <rPh sb="11" eb="12">
      <t>ナド</t>
    </rPh>
    <rPh sb="14" eb="16">
      <t>テキセイ</t>
    </rPh>
    <rPh sb="17" eb="18">
      <t>ヒトシ</t>
    </rPh>
    <rPh sb="18" eb="19">
      <t>ビ</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9" x14ac:knownFonts="1">
    <font>
      <sz val="12"/>
      <color theme="1"/>
      <name val="ＭＳ 明朝"/>
      <family val="1"/>
      <charset val="128"/>
    </font>
    <font>
      <sz val="12"/>
      <color theme="1"/>
      <name val="ＭＳ 明朝"/>
      <family val="2"/>
      <charset val="128"/>
    </font>
    <font>
      <sz val="6"/>
      <name val="ＭＳ 明朝"/>
      <family val="1"/>
      <charset val="128"/>
    </font>
    <font>
      <b/>
      <sz val="14"/>
      <color rgb="FF0070C0"/>
      <name val="游ゴシック"/>
      <family val="3"/>
      <charset val="128"/>
    </font>
    <font>
      <sz val="14"/>
      <color theme="1"/>
      <name val="游ゴシック"/>
      <family val="3"/>
      <charset val="128"/>
    </font>
    <font>
      <sz val="14"/>
      <name val="游ゴシック"/>
      <family val="3"/>
      <charset val="128"/>
    </font>
    <font>
      <b/>
      <sz val="14"/>
      <name val="游ゴシック"/>
      <family val="3"/>
      <charset val="128"/>
    </font>
    <font>
      <sz val="16"/>
      <name val="游ゴシック"/>
      <family val="3"/>
      <charset val="128"/>
    </font>
    <font>
      <b/>
      <sz val="16"/>
      <color rgb="FF0070C0"/>
      <name val="游ゴシック"/>
      <family val="3"/>
      <charset val="128"/>
    </font>
    <font>
      <sz val="12"/>
      <color theme="1"/>
      <name val="游ゴシック"/>
      <family val="3"/>
      <charset val="128"/>
    </font>
    <font>
      <sz val="12"/>
      <name val="游ゴシック"/>
      <family val="3"/>
      <charset val="128"/>
    </font>
    <font>
      <b/>
      <sz val="12"/>
      <color rgb="FFFF0000"/>
      <name val="游ゴシック"/>
      <family val="3"/>
      <charset val="128"/>
    </font>
    <font>
      <sz val="11"/>
      <color theme="1"/>
      <name val="游ゴシック"/>
      <family val="3"/>
      <charset val="128"/>
    </font>
    <font>
      <b/>
      <sz val="14"/>
      <color theme="1"/>
      <name val="游ゴシック"/>
      <family val="3"/>
      <charset val="128"/>
    </font>
    <font>
      <sz val="8"/>
      <color theme="1"/>
      <name val="游ゴシック"/>
      <family val="3"/>
      <charset val="128"/>
    </font>
    <font>
      <b/>
      <sz val="12"/>
      <color rgb="FF0070C0"/>
      <name val="游ゴシック"/>
      <family val="3"/>
      <charset val="128"/>
    </font>
    <font>
      <sz val="14"/>
      <color rgb="FF0070C0"/>
      <name val="游ゴシック"/>
      <family val="3"/>
      <charset val="128"/>
    </font>
    <font>
      <sz val="12"/>
      <color rgb="FF0070C0"/>
      <name val="游ゴシック"/>
      <family val="3"/>
      <charset val="128"/>
    </font>
    <font>
      <b/>
      <sz val="14"/>
      <color rgb="FFFF0000"/>
      <name val="游ゴシック"/>
      <family val="3"/>
      <charset val="128"/>
    </font>
  </fonts>
  <fills count="4">
    <fill>
      <patternFill patternType="none"/>
    </fill>
    <fill>
      <patternFill patternType="gray125"/>
    </fill>
    <fill>
      <patternFill patternType="solid">
        <fgColor theme="5" tint="0.59999389629810485"/>
        <bgColor indexed="64"/>
      </patternFill>
    </fill>
    <fill>
      <patternFill patternType="solid">
        <fgColor theme="4" tint="0.59999389629810485"/>
        <bgColor indexed="64"/>
      </patternFill>
    </fill>
  </fills>
  <borders count="14">
    <border>
      <left/>
      <right/>
      <top/>
      <bottom/>
      <diagonal/>
    </border>
    <border>
      <left style="thin">
        <color indexed="64"/>
      </left>
      <right style="thin">
        <color indexed="64"/>
      </right>
      <top style="double">
        <color indexed="64"/>
      </top>
      <bottom/>
      <diagonal/>
    </border>
    <border>
      <left style="thin">
        <color indexed="64"/>
      </left>
      <right style="thin">
        <color indexed="64"/>
      </right>
      <top style="double">
        <color indexed="64"/>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right/>
      <top/>
      <bottom style="thin">
        <color auto="1"/>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top style="thin">
        <color indexed="64"/>
      </top>
      <bottom style="thin">
        <color indexed="64"/>
      </bottom>
      <diagonal/>
    </border>
  </borders>
  <cellStyleXfs count="2">
    <xf numFmtId="0" fontId="0" fillId="0" borderId="0">
      <alignment vertical="center"/>
    </xf>
    <xf numFmtId="0" fontId="1" fillId="0" borderId="0">
      <alignment vertical="center"/>
    </xf>
  </cellStyleXfs>
  <cellXfs count="100">
    <xf numFmtId="0" fontId="0" fillId="0" borderId="0" xfId="0">
      <alignment vertical="center"/>
    </xf>
    <xf numFmtId="0" fontId="3" fillId="0" borderId="0" xfId="0" applyNumberFormat="1" applyFont="1" applyFill="1" applyBorder="1" applyAlignment="1">
      <alignment horizontal="left" vertical="center"/>
    </xf>
    <xf numFmtId="0" fontId="5" fillId="0" borderId="0" xfId="0" applyFont="1" applyFill="1" applyBorder="1" applyAlignment="1">
      <alignment horizontal="left" vertical="center"/>
    </xf>
    <xf numFmtId="0" fontId="3" fillId="0" borderId="0" xfId="0" applyNumberFormat="1" applyFont="1" applyFill="1" applyBorder="1" applyAlignment="1">
      <alignment vertical="center"/>
    </xf>
    <xf numFmtId="0" fontId="6" fillId="0" borderId="0" xfId="0" applyNumberFormat="1" applyFont="1" applyFill="1" applyBorder="1" applyAlignment="1">
      <alignment horizontal="center" vertical="center"/>
    </xf>
    <xf numFmtId="0" fontId="5" fillId="0" borderId="0" xfId="0" applyFont="1" applyFill="1" applyBorder="1" applyAlignment="1">
      <alignment horizontal="left" vertical="center" wrapText="1"/>
    </xf>
    <xf numFmtId="0" fontId="3" fillId="0" borderId="9" xfId="0" applyNumberFormat="1" applyFont="1" applyFill="1" applyBorder="1" applyAlignment="1">
      <alignment horizontal="left" vertical="center"/>
    </xf>
    <xf numFmtId="0" fontId="5" fillId="0" borderId="0" xfId="0" applyFont="1" applyFill="1" applyBorder="1" applyAlignment="1">
      <alignment horizontal="left" vertical="center"/>
    </xf>
    <xf numFmtId="0" fontId="5" fillId="0" borderId="0" xfId="0" applyFont="1" applyFill="1" applyBorder="1" applyAlignment="1">
      <alignment horizontal="left" vertical="center" wrapText="1"/>
    </xf>
    <xf numFmtId="0" fontId="10" fillId="0" borderId="7" xfId="0" applyFont="1" applyFill="1" applyBorder="1" applyAlignment="1">
      <alignment vertical="center" wrapText="1"/>
    </xf>
    <xf numFmtId="0" fontId="10" fillId="0" borderId="4" xfId="0" applyFont="1" applyFill="1" applyBorder="1" applyAlignment="1">
      <alignment vertical="center" wrapText="1"/>
    </xf>
    <xf numFmtId="0" fontId="4" fillId="0" borderId="0" xfId="0" applyFont="1" applyFill="1" applyAlignment="1">
      <alignment vertical="center"/>
    </xf>
    <xf numFmtId="0" fontId="3" fillId="0" borderId="0" xfId="0" applyFont="1" applyFill="1" applyBorder="1" applyAlignment="1">
      <alignment horizontal="left" vertical="center"/>
    </xf>
    <xf numFmtId="0" fontId="5" fillId="0" borderId="0" xfId="0" applyFont="1" applyFill="1" applyAlignment="1">
      <alignment horizontal="center" vertical="center"/>
    </xf>
    <xf numFmtId="0" fontId="4" fillId="0" borderId="0" xfId="0" applyFont="1" applyFill="1" applyAlignment="1">
      <alignment horizontal="left" vertical="center"/>
    </xf>
    <xf numFmtId="0" fontId="10" fillId="0" borderId="2" xfId="0" applyFont="1" applyFill="1" applyBorder="1" applyAlignment="1">
      <alignment vertical="center" wrapText="1"/>
    </xf>
    <xf numFmtId="0" fontId="5" fillId="0" borderId="2" xfId="0" applyFont="1" applyFill="1" applyBorder="1" applyAlignment="1">
      <alignment horizontal="center" vertical="center" wrapText="1"/>
    </xf>
    <xf numFmtId="0" fontId="5" fillId="0" borderId="4" xfId="0" applyFont="1" applyFill="1" applyBorder="1" applyAlignment="1">
      <alignment horizontal="center" vertical="center" wrapText="1"/>
    </xf>
    <xf numFmtId="0" fontId="10" fillId="0" borderId="6" xfId="0" applyFont="1" applyFill="1" applyBorder="1" applyAlignment="1">
      <alignment vertical="center" wrapText="1"/>
    </xf>
    <xf numFmtId="0" fontId="5" fillId="0" borderId="6" xfId="0" applyFont="1" applyFill="1" applyBorder="1" applyAlignment="1">
      <alignment horizontal="center" vertical="center" wrapText="1"/>
    </xf>
    <xf numFmtId="0" fontId="5" fillId="0" borderId="7" xfId="0" applyFont="1" applyFill="1" applyBorder="1" applyAlignment="1">
      <alignment horizontal="center" vertical="center" wrapText="1"/>
    </xf>
    <xf numFmtId="0" fontId="10" fillId="0" borderId="8" xfId="0" applyFont="1" applyFill="1" applyBorder="1" applyAlignment="1">
      <alignment vertical="center" wrapText="1"/>
    </xf>
    <xf numFmtId="0" fontId="5" fillId="0" borderId="8" xfId="0" applyFont="1" applyFill="1" applyBorder="1" applyAlignment="1">
      <alignment horizontal="center" vertical="center" wrapText="1"/>
    </xf>
    <xf numFmtId="0" fontId="5" fillId="0" borderId="0" xfId="0" applyFont="1" applyFill="1" applyBorder="1" applyAlignment="1">
      <alignment horizontal="center" vertical="center"/>
    </xf>
    <xf numFmtId="0" fontId="10" fillId="0" borderId="5" xfId="0" applyFont="1" applyFill="1" applyBorder="1" applyAlignment="1">
      <alignment vertical="center" wrapText="1"/>
    </xf>
    <xf numFmtId="0" fontId="5" fillId="0" borderId="5" xfId="0" applyFont="1" applyFill="1" applyBorder="1" applyAlignment="1">
      <alignment horizontal="center" vertical="center" wrapText="1"/>
    </xf>
    <xf numFmtId="0" fontId="5" fillId="0" borderId="6" xfId="0" applyFont="1" applyFill="1" applyBorder="1" applyAlignment="1">
      <alignment horizontal="left" vertical="center" wrapText="1"/>
    </xf>
    <xf numFmtId="0" fontId="5" fillId="0" borderId="4" xfId="0" applyFont="1" applyFill="1" applyBorder="1" applyAlignment="1">
      <alignment horizontal="center" vertical="center"/>
    </xf>
    <xf numFmtId="0" fontId="10" fillId="0" borderId="7" xfId="0" applyFont="1" applyFill="1" applyBorder="1" applyAlignment="1">
      <alignment vertical="center"/>
    </xf>
    <xf numFmtId="0" fontId="4" fillId="0" borderId="0" xfId="0" applyFont="1" applyFill="1" applyBorder="1" applyAlignment="1">
      <alignment vertical="center"/>
    </xf>
    <xf numFmtId="0" fontId="4" fillId="0" borderId="0" xfId="0" applyFont="1" applyFill="1" applyBorder="1" applyAlignment="1">
      <alignment vertical="center" textRotation="255" wrapText="1"/>
    </xf>
    <xf numFmtId="0" fontId="5" fillId="0" borderId="0" xfId="0" applyFont="1" applyFill="1" applyBorder="1" applyAlignment="1">
      <alignment vertical="center" wrapText="1"/>
    </xf>
    <xf numFmtId="0" fontId="5" fillId="0" borderId="0" xfId="0" applyFont="1" applyFill="1" applyBorder="1" applyAlignment="1">
      <alignment horizontal="center" vertical="center" wrapText="1"/>
    </xf>
    <xf numFmtId="0" fontId="7" fillId="0" borderId="0" xfId="0" applyFont="1" applyFill="1" applyBorder="1" applyAlignment="1">
      <alignment horizontal="left" vertical="center"/>
    </xf>
    <xf numFmtId="0" fontId="5" fillId="0" borderId="0" xfId="0" applyFont="1" applyFill="1" applyBorder="1" applyAlignment="1">
      <alignment vertical="center"/>
    </xf>
    <xf numFmtId="0" fontId="4" fillId="0" borderId="0" xfId="0" applyFont="1" applyFill="1" applyBorder="1" applyAlignment="1">
      <alignment horizontal="left" vertical="center"/>
    </xf>
    <xf numFmtId="0" fontId="5" fillId="0" borderId="13" xfId="0" applyFont="1" applyFill="1" applyBorder="1" applyAlignment="1">
      <alignment horizontal="center" vertical="center"/>
    </xf>
    <xf numFmtId="0" fontId="5" fillId="0" borderId="4" xfId="0" applyFont="1" applyFill="1" applyBorder="1" applyAlignment="1">
      <alignment horizontal="left" vertical="center" wrapText="1"/>
    </xf>
    <xf numFmtId="0" fontId="10" fillId="0" borderId="4" xfId="0" applyFont="1" applyFill="1" applyBorder="1" applyAlignment="1">
      <alignment vertical="center"/>
    </xf>
    <xf numFmtId="0" fontId="5" fillId="0" borderId="4" xfId="0" applyFont="1" applyFill="1" applyBorder="1" applyAlignment="1">
      <alignment horizontal="left" vertical="center"/>
    </xf>
    <xf numFmtId="0" fontId="5" fillId="0" borderId="2" xfId="0" applyFont="1" applyFill="1" applyBorder="1" applyAlignment="1">
      <alignment vertical="center" wrapText="1"/>
    </xf>
    <xf numFmtId="0" fontId="5" fillId="0" borderId="8" xfId="0" applyFont="1" applyFill="1" applyBorder="1" applyAlignment="1">
      <alignment horizontal="left" vertical="center" wrapText="1"/>
    </xf>
    <xf numFmtId="0" fontId="5" fillId="0" borderId="7" xfId="0" applyFont="1" applyFill="1" applyBorder="1" applyAlignment="1">
      <alignment horizontal="left" vertical="center" wrapText="1"/>
    </xf>
    <xf numFmtId="0" fontId="5" fillId="0" borderId="7" xfId="0" applyFont="1" applyFill="1" applyBorder="1" applyAlignment="1">
      <alignment horizontal="left" vertical="center"/>
    </xf>
    <xf numFmtId="0" fontId="5" fillId="0" borderId="5" xfId="0" applyFont="1" applyFill="1" applyBorder="1" applyAlignment="1">
      <alignment horizontal="left" vertical="center"/>
    </xf>
    <xf numFmtId="0" fontId="5" fillId="0" borderId="6" xfId="0" applyFont="1" applyFill="1" applyBorder="1" applyAlignment="1">
      <alignment horizontal="left" vertical="center"/>
    </xf>
    <xf numFmtId="0" fontId="5" fillId="0" borderId="2" xfId="0" applyFont="1" applyFill="1" applyBorder="1" applyAlignment="1">
      <alignment horizontal="left" vertical="center"/>
    </xf>
    <xf numFmtId="0" fontId="11" fillId="0" borderId="0" xfId="0" applyFont="1" applyFill="1" applyAlignment="1">
      <alignment horizontal="left" vertical="center"/>
    </xf>
    <xf numFmtId="0" fontId="11" fillId="0" borderId="0" xfId="0" applyFont="1" applyFill="1" applyAlignment="1">
      <alignment vertical="center"/>
    </xf>
    <xf numFmtId="0" fontId="11" fillId="0" borderId="0" xfId="0" applyFont="1" applyFill="1" applyAlignment="1">
      <alignment vertical="center" wrapText="1"/>
    </xf>
    <xf numFmtId="0" fontId="5" fillId="0" borderId="9" xfId="0" applyFont="1" applyFill="1" applyBorder="1" applyAlignment="1">
      <alignment horizontal="right" vertical="center" wrapText="1"/>
    </xf>
    <xf numFmtId="0" fontId="5" fillId="0" borderId="9" xfId="0" applyFont="1" applyFill="1" applyBorder="1" applyAlignment="1">
      <alignment horizontal="right" vertical="center"/>
    </xf>
    <xf numFmtId="0" fontId="13" fillId="0" borderId="0" xfId="0" applyFont="1" applyFill="1" applyAlignment="1">
      <alignment horizontal="left" vertical="center"/>
    </xf>
    <xf numFmtId="0" fontId="15" fillId="0" borderId="9" xfId="0" applyFont="1" applyFill="1" applyBorder="1" applyAlignment="1">
      <alignment horizontal="left" vertical="center"/>
    </xf>
    <xf numFmtId="0" fontId="16" fillId="0" borderId="9" xfId="0" applyNumberFormat="1" applyFont="1" applyFill="1" applyBorder="1" applyAlignment="1">
      <alignment horizontal="left" vertical="center"/>
    </xf>
    <xf numFmtId="0" fontId="17" fillId="0" borderId="9" xfId="0" applyFont="1" applyFill="1" applyBorder="1" applyAlignment="1">
      <alignment horizontal="left" vertical="center"/>
    </xf>
    <xf numFmtId="0" fontId="5" fillId="0" borderId="0" xfId="0" applyNumberFormat="1" applyFont="1" applyFill="1" applyBorder="1" applyAlignment="1">
      <alignment horizontal="center" vertical="center"/>
    </xf>
    <xf numFmtId="0" fontId="16" fillId="0" borderId="0" xfId="0" applyNumberFormat="1" applyFont="1" applyFill="1" applyBorder="1" applyAlignment="1">
      <alignment horizontal="left" vertical="center"/>
    </xf>
    <xf numFmtId="0" fontId="16" fillId="0" borderId="0" xfId="0" applyNumberFormat="1" applyFont="1" applyFill="1" applyBorder="1" applyAlignment="1">
      <alignment vertical="center"/>
    </xf>
    <xf numFmtId="0" fontId="16" fillId="0" borderId="0" xfId="0" applyFont="1" applyFill="1" applyBorder="1" applyAlignment="1">
      <alignment horizontal="left" vertical="center"/>
    </xf>
    <xf numFmtId="0" fontId="18" fillId="0" borderId="0" xfId="0" applyFont="1" applyFill="1" applyAlignment="1">
      <alignment vertical="center" wrapText="1"/>
    </xf>
    <xf numFmtId="0" fontId="4" fillId="2" borderId="6" xfId="0" applyFont="1" applyFill="1" applyBorder="1" applyAlignment="1">
      <alignment horizontal="center" vertical="center"/>
    </xf>
    <xf numFmtId="0" fontId="4" fillId="2" borderId="6" xfId="0" applyFont="1" applyFill="1" applyBorder="1" applyAlignment="1">
      <alignment horizontal="center" vertical="center" wrapText="1"/>
    </xf>
    <xf numFmtId="0" fontId="5" fillId="2" borderId="6" xfId="0" applyFont="1" applyFill="1" applyBorder="1" applyAlignment="1">
      <alignment horizontal="center" vertical="center"/>
    </xf>
    <xf numFmtId="0" fontId="4" fillId="2" borderId="12" xfId="0" applyFont="1" applyFill="1" applyBorder="1" applyAlignment="1">
      <alignment horizontal="center" vertical="center"/>
    </xf>
    <xf numFmtId="0" fontId="4" fillId="2" borderId="2" xfId="0" applyFont="1" applyFill="1" applyBorder="1" applyAlignment="1">
      <alignment vertical="center" shrinkToFit="1"/>
    </xf>
    <xf numFmtId="0" fontId="4" fillId="3" borderId="6" xfId="0" applyFont="1" applyFill="1" applyBorder="1" applyAlignment="1">
      <alignment horizontal="center" vertical="center"/>
    </xf>
    <xf numFmtId="0" fontId="4" fillId="3" borderId="6" xfId="0" applyFont="1" applyFill="1" applyBorder="1" applyAlignment="1">
      <alignment horizontal="center" vertical="center" wrapText="1"/>
    </xf>
    <xf numFmtId="0" fontId="5" fillId="3" borderId="6" xfId="0" applyFont="1" applyFill="1" applyBorder="1" applyAlignment="1">
      <alignment horizontal="center" vertical="center"/>
    </xf>
    <xf numFmtId="0" fontId="4" fillId="3" borderId="12" xfId="0" applyFont="1" applyFill="1" applyBorder="1" applyAlignment="1">
      <alignment horizontal="center" vertical="center"/>
    </xf>
    <xf numFmtId="0" fontId="14" fillId="3" borderId="4" xfId="0" applyFont="1" applyFill="1" applyBorder="1" applyAlignment="1">
      <alignment vertical="center" textRotation="255" wrapText="1"/>
    </xf>
    <xf numFmtId="0" fontId="14" fillId="2" borderId="5" xfId="0" applyFont="1" applyFill="1" applyBorder="1" applyAlignment="1">
      <alignment horizontal="center" vertical="center" textRotation="255" wrapText="1" shrinkToFit="1"/>
    </xf>
    <xf numFmtId="0" fontId="14" fillId="2" borderId="4" xfId="0" applyFont="1" applyFill="1" applyBorder="1" applyAlignment="1">
      <alignment horizontal="center" vertical="center" textRotation="255" wrapText="1" shrinkToFit="1"/>
    </xf>
    <xf numFmtId="0" fontId="14" fillId="2" borderId="2" xfId="0" applyFont="1" applyFill="1" applyBorder="1" applyAlignment="1">
      <alignment vertical="center" textRotation="255" wrapText="1" shrinkToFit="1"/>
    </xf>
    <xf numFmtId="0" fontId="4" fillId="2" borderId="1" xfId="0" applyFont="1" applyFill="1" applyBorder="1" applyAlignment="1">
      <alignment horizontal="center" vertical="center" textRotation="255" wrapText="1"/>
    </xf>
    <xf numFmtId="0" fontId="4" fillId="2" borderId="3" xfId="0" applyFont="1" applyFill="1" applyBorder="1" applyAlignment="1">
      <alignment horizontal="center" vertical="center" textRotation="255" wrapText="1"/>
    </xf>
    <xf numFmtId="0" fontId="4" fillId="2" borderId="7" xfId="0" applyFont="1" applyFill="1" applyBorder="1" applyAlignment="1">
      <alignment horizontal="center" vertical="center" textRotation="255" wrapText="1"/>
    </xf>
    <xf numFmtId="0" fontId="4" fillId="2" borderId="8" xfId="0" applyFont="1" applyFill="1" applyBorder="1" applyAlignment="1">
      <alignment horizontal="center" vertical="center" textRotation="255" shrinkToFit="1"/>
    </xf>
    <xf numFmtId="0" fontId="4" fillId="2" borderId="7" xfId="0" applyFont="1" applyFill="1" applyBorder="1" applyAlignment="1">
      <alignment horizontal="center" vertical="center" textRotation="255" shrinkToFit="1"/>
    </xf>
    <xf numFmtId="0" fontId="4" fillId="2" borderId="5" xfId="0" applyFont="1" applyFill="1" applyBorder="1" applyAlignment="1">
      <alignment horizontal="center" vertical="center" textRotation="255" wrapText="1"/>
    </xf>
    <xf numFmtId="0" fontId="4" fillId="2" borderId="3" xfId="0" applyFont="1" applyFill="1" applyBorder="1" applyAlignment="1">
      <alignment horizontal="center" vertical="center" textRotation="255" shrinkToFit="1"/>
    </xf>
    <xf numFmtId="0" fontId="5" fillId="0" borderId="0" xfId="0" applyFont="1" applyFill="1" applyBorder="1" applyAlignment="1">
      <alignment horizontal="left" vertical="center"/>
    </xf>
    <xf numFmtId="0" fontId="5" fillId="0" borderId="0" xfId="0" applyFont="1" applyFill="1" applyBorder="1" applyAlignment="1">
      <alignment horizontal="left" vertical="center" wrapText="1"/>
    </xf>
    <xf numFmtId="0" fontId="4" fillId="2" borderId="10" xfId="0" applyFont="1" applyFill="1" applyBorder="1" applyAlignment="1">
      <alignment horizontal="center" vertical="center" wrapText="1"/>
    </xf>
    <xf numFmtId="0" fontId="4" fillId="2" borderId="11" xfId="0" applyFont="1" applyFill="1" applyBorder="1" applyAlignment="1">
      <alignment horizontal="center" vertical="center" wrapText="1"/>
    </xf>
    <xf numFmtId="0" fontId="4" fillId="2" borderId="8" xfId="0" applyFont="1" applyFill="1" applyBorder="1" applyAlignment="1">
      <alignment horizontal="center" vertical="center" textRotation="255" wrapText="1"/>
    </xf>
    <xf numFmtId="0" fontId="4" fillId="2" borderId="5" xfId="0" applyFont="1" applyFill="1" applyBorder="1" applyAlignment="1">
      <alignment horizontal="center" vertical="center" textRotation="255" shrinkToFit="1"/>
    </xf>
    <xf numFmtId="0" fontId="8" fillId="0" borderId="0" xfId="0" applyFont="1" applyFill="1" applyAlignment="1">
      <alignment horizontal="center" vertical="center"/>
    </xf>
    <xf numFmtId="0" fontId="4" fillId="2" borderId="4" xfId="0" applyFont="1" applyFill="1" applyBorder="1" applyAlignment="1">
      <alignment horizontal="center" vertical="center" textRotation="255" shrinkToFit="1"/>
    </xf>
    <xf numFmtId="0" fontId="18" fillId="0" borderId="0" xfId="0" applyFont="1" applyFill="1" applyAlignment="1">
      <alignment horizontal="left" vertical="center" wrapText="1"/>
    </xf>
    <xf numFmtId="0" fontId="4" fillId="3" borderId="10" xfId="0" applyFont="1" applyFill="1" applyBorder="1" applyAlignment="1">
      <alignment horizontal="center" vertical="center" wrapText="1"/>
    </xf>
    <xf numFmtId="0" fontId="4" fillId="3" borderId="11" xfId="0" applyFont="1" applyFill="1" applyBorder="1" applyAlignment="1">
      <alignment horizontal="center" vertical="center" wrapText="1"/>
    </xf>
    <xf numFmtId="0" fontId="4" fillId="3" borderId="1" xfId="0" applyFont="1" applyFill="1" applyBorder="1" applyAlignment="1">
      <alignment horizontal="center" vertical="center" textRotation="255" wrapText="1"/>
    </xf>
    <xf numFmtId="0" fontId="4" fillId="3" borderId="3" xfId="0" applyFont="1" applyFill="1" applyBorder="1" applyAlignment="1">
      <alignment horizontal="center" vertical="center" textRotation="255" wrapText="1"/>
    </xf>
    <xf numFmtId="0" fontId="4" fillId="3" borderId="7" xfId="0" applyFont="1" applyFill="1" applyBorder="1" applyAlignment="1">
      <alignment horizontal="center" vertical="center" textRotation="255" wrapText="1"/>
    </xf>
    <xf numFmtId="0" fontId="9" fillId="3" borderId="2" xfId="0" applyFont="1" applyFill="1" applyBorder="1" applyAlignment="1">
      <alignment horizontal="center" vertical="center" textRotation="255" wrapText="1"/>
    </xf>
    <xf numFmtId="0" fontId="9" fillId="3" borderId="4" xfId="0" applyFont="1" applyFill="1" applyBorder="1" applyAlignment="1">
      <alignment horizontal="center" vertical="center" textRotation="255" wrapText="1"/>
    </xf>
    <xf numFmtId="0" fontId="4" fillId="3" borderId="2" xfId="0" applyFont="1" applyFill="1" applyBorder="1" applyAlignment="1">
      <alignment horizontal="center" vertical="center" textRotation="255" wrapText="1"/>
    </xf>
    <xf numFmtId="0" fontId="4" fillId="3" borderId="4" xfId="0" applyFont="1" applyFill="1" applyBorder="1" applyAlignment="1">
      <alignment horizontal="center" vertical="center" textRotation="255" wrapText="1"/>
    </xf>
    <xf numFmtId="0" fontId="9" fillId="3" borderId="4" xfId="0" applyFont="1" applyFill="1" applyBorder="1" applyAlignment="1">
      <alignment horizontal="center" vertical="center" textRotation="255" shrinkToFit="1"/>
    </xf>
  </cellXfs>
  <cellStyles count="2">
    <cellStyle name="標準" xfId="0" builtinId="0"/>
    <cellStyle name="標準 2" xfId="1"/>
  </cellStyles>
  <dxfs count="0"/>
  <tableStyles count="0" defaultTableStyle="TableStyleMedium2" defaultPivotStyle="PivotStyleLight16"/>
  <colors>
    <mruColors>
      <color rgb="FFF50BD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xdr:col>
      <xdr:colOff>359229</xdr:colOff>
      <xdr:row>1</xdr:row>
      <xdr:rowOff>542925</xdr:rowOff>
    </xdr:from>
    <xdr:to>
      <xdr:col>3</xdr:col>
      <xdr:colOff>4248150</xdr:colOff>
      <xdr:row>6</xdr:row>
      <xdr:rowOff>66675</xdr:rowOff>
    </xdr:to>
    <xdr:sp macro="" textlink="">
      <xdr:nvSpPr>
        <xdr:cNvPr id="2" name="テキスト ボックス 1"/>
        <xdr:cNvSpPr txBox="1"/>
      </xdr:nvSpPr>
      <xdr:spPr>
        <a:xfrm>
          <a:off x="1025979" y="857250"/>
          <a:ext cx="4993821" cy="2057400"/>
        </a:xfrm>
        <a:prstGeom prst="rect">
          <a:avLst/>
        </a:prstGeom>
        <a:no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1600">
              <a:solidFill>
                <a:sysClr val="windowText" lastClr="000000"/>
              </a:solidFill>
              <a:latin typeface="游ゴシック" panose="020B0400000000000000" pitchFamily="50" charset="-128"/>
              <a:ea typeface="游ゴシック" panose="020B0400000000000000" pitchFamily="50" charset="-128"/>
            </a:rPr>
            <a:t>このシートで</a:t>
          </a:r>
          <a:r>
            <a:rPr kumimoji="1" lang="ja-JP" altLang="en-US" sz="1600">
              <a:solidFill>
                <a:srgbClr val="FF0000"/>
              </a:solidFill>
              <a:latin typeface="游ゴシック" panose="020B0400000000000000" pitchFamily="50" charset="-128"/>
              <a:ea typeface="游ゴシック" panose="020B0400000000000000" pitchFamily="50" charset="-128"/>
            </a:rPr>
            <a:t>「はい」と回答</a:t>
          </a:r>
          <a:r>
            <a:rPr kumimoji="1" lang="ja-JP" altLang="en-US" sz="1600">
              <a:solidFill>
                <a:sysClr val="windowText" lastClr="000000"/>
              </a:solidFill>
              <a:latin typeface="游ゴシック" panose="020B0400000000000000" pitchFamily="50" charset="-128"/>
              <a:ea typeface="游ゴシック" panose="020B0400000000000000" pitchFamily="50" charset="-128"/>
            </a:rPr>
            <a:t>された項目については</a:t>
          </a:r>
          <a:r>
            <a:rPr kumimoji="1" lang="ja-JP" altLang="ja-JP" sz="1600">
              <a:solidFill>
                <a:schemeClr val="dk1"/>
              </a:solidFill>
              <a:effectLst/>
              <a:latin typeface="游ゴシック" panose="020B0400000000000000" pitchFamily="50" charset="-128"/>
              <a:ea typeface="游ゴシック" panose="020B0400000000000000" pitchFamily="50" charset="-128"/>
              <a:cs typeface="+mn-cs"/>
            </a:rPr>
            <a:t>計画書</a:t>
          </a:r>
          <a:r>
            <a:rPr kumimoji="1" lang="en-US" altLang="ja-JP" sz="1600">
              <a:solidFill>
                <a:schemeClr val="dk1"/>
              </a:solidFill>
              <a:effectLst/>
              <a:latin typeface="游ゴシック" panose="020B0400000000000000" pitchFamily="50" charset="-128"/>
              <a:ea typeface="游ゴシック" panose="020B0400000000000000" pitchFamily="50" charset="-128"/>
              <a:cs typeface="+mn-cs"/>
            </a:rPr>
            <a:t>(</a:t>
          </a:r>
          <a:r>
            <a:rPr kumimoji="1" lang="ja-JP" altLang="ja-JP" sz="1600">
              <a:solidFill>
                <a:schemeClr val="dk1"/>
              </a:solidFill>
              <a:effectLst/>
              <a:latin typeface="游ゴシック" panose="020B0400000000000000" pitchFamily="50" charset="-128"/>
              <a:ea typeface="游ゴシック" panose="020B0400000000000000" pitchFamily="50" charset="-128"/>
              <a:cs typeface="+mn-cs"/>
            </a:rPr>
            <a:t>第</a:t>
          </a:r>
          <a:r>
            <a:rPr kumimoji="1" lang="en-US" altLang="ja-JP" sz="1600">
              <a:solidFill>
                <a:schemeClr val="dk1"/>
              </a:solidFill>
              <a:effectLst/>
              <a:latin typeface="游ゴシック" panose="020B0400000000000000" pitchFamily="50" charset="-128"/>
              <a:ea typeface="游ゴシック" panose="020B0400000000000000" pitchFamily="50" charset="-128"/>
              <a:cs typeface="+mn-cs"/>
            </a:rPr>
            <a:t>17</a:t>
          </a:r>
          <a:r>
            <a:rPr kumimoji="1" lang="ja-JP" altLang="ja-JP" sz="1600">
              <a:solidFill>
                <a:schemeClr val="dk1"/>
              </a:solidFill>
              <a:effectLst/>
              <a:latin typeface="游ゴシック" panose="020B0400000000000000" pitchFamily="50" charset="-128"/>
              <a:ea typeface="游ゴシック" panose="020B0400000000000000" pitchFamily="50" charset="-128"/>
              <a:cs typeface="+mn-cs"/>
            </a:rPr>
            <a:t>号様式</a:t>
          </a:r>
          <a:r>
            <a:rPr kumimoji="1" lang="en-US" altLang="ja-JP" sz="1600">
              <a:solidFill>
                <a:schemeClr val="dk1"/>
              </a:solidFill>
              <a:effectLst/>
              <a:latin typeface="游ゴシック" panose="020B0400000000000000" pitchFamily="50" charset="-128"/>
              <a:ea typeface="游ゴシック" panose="020B0400000000000000" pitchFamily="50" charset="-128"/>
              <a:cs typeface="+mn-cs"/>
            </a:rPr>
            <a:t>)</a:t>
          </a:r>
          <a:r>
            <a:rPr kumimoji="1" lang="ja-JP" altLang="en-US" sz="1600">
              <a:solidFill>
                <a:schemeClr val="dk1"/>
              </a:solidFill>
              <a:effectLst/>
              <a:latin typeface="游ゴシック" panose="020B0400000000000000" pitchFamily="50" charset="-128"/>
              <a:ea typeface="游ゴシック" panose="020B0400000000000000" pitchFamily="50" charset="-128"/>
              <a:cs typeface="+mn-cs"/>
            </a:rPr>
            <a:t>に</a:t>
          </a:r>
          <a:r>
            <a:rPr kumimoji="1" lang="ja-JP" altLang="en-US" sz="1600">
              <a:solidFill>
                <a:srgbClr val="FF0000"/>
              </a:solidFill>
              <a:effectLst/>
              <a:latin typeface="游ゴシック" panose="020B0400000000000000" pitchFamily="50" charset="-128"/>
              <a:ea typeface="游ゴシック" panose="020B0400000000000000" pitchFamily="50" charset="-128"/>
              <a:cs typeface="+mn-cs"/>
            </a:rPr>
            <a:t>根拠資料を添付</a:t>
          </a:r>
          <a:r>
            <a:rPr kumimoji="1" lang="ja-JP" altLang="en-US" sz="1600">
              <a:solidFill>
                <a:schemeClr val="dk1"/>
              </a:solidFill>
              <a:effectLst/>
              <a:latin typeface="游ゴシック" panose="020B0400000000000000" pitchFamily="50" charset="-128"/>
              <a:ea typeface="游ゴシック" panose="020B0400000000000000" pitchFamily="50" charset="-128"/>
              <a:cs typeface="+mn-cs"/>
            </a:rPr>
            <a:t>してください。</a:t>
          </a:r>
          <a:endParaRPr kumimoji="1" lang="en-US" altLang="ja-JP" sz="1600">
            <a:solidFill>
              <a:sysClr val="windowText" lastClr="000000"/>
            </a:solidFill>
            <a:latin typeface="游ゴシック" panose="020B0400000000000000" pitchFamily="50" charset="-128"/>
            <a:ea typeface="游ゴシック" panose="020B0400000000000000" pitchFamily="50" charset="-128"/>
          </a:endParaRPr>
        </a:p>
        <a:p>
          <a:pPr algn="l"/>
          <a:r>
            <a:rPr kumimoji="1" lang="ja-JP" altLang="en-US" sz="1600">
              <a:solidFill>
                <a:sysClr val="windowText" lastClr="000000"/>
              </a:solidFill>
              <a:latin typeface="游ゴシック" panose="020B0400000000000000" pitchFamily="50" charset="-128"/>
              <a:ea typeface="游ゴシック" panose="020B0400000000000000" pitchFamily="50" charset="-128"/>
            </a:rPr>
            <a:t>このシートを使用された場合は、印刷のうえ計画書</a:t>
          </a:r>
          <a:r>
            <a:rPr kumimoji="1" lang="en-US" altLang="ja-JP" sz="1600">
              <a:solidFill>
                <a:sysClr val="windowText" lastClr="000000"/>
              </a:solidFill>
              <a:latin typeface="游ゴシック" panose="020B0400000000000000" pitchFamily="50" charset="-128"/>
              <a:ea typeface="游ゴシック" panose="020B0400000000000000" pitchFamily="50" charset="-128"/>
            </a:rPr>
            <a:t>(</a:t>
          </a:r>
          <a:r>
            <a:rPr kumimoji="1" lang="ja-JP" altLang="en-US" sz="1600">
              <a:solidFill>
                <a:sysClr val="windowText" lastClr="000000"/>
              </a:solidFill>
              <a:latin typeface="游ゴシック" panose="020B0400000000000000" pitchFamily="50" charset="-128"/>
              <a:ea typeface="游ゴシック" panose="020B0400000000000000" pitchFamily="50" charset="-128"/>
            </a:rPr>
            <a:t>第</a:t>
          </a:r>
          <a:r>
            <a:rPr kumimoji="1" lang="en-US" altLang="ja-JP" sz="1600">
              <a:solidFill>
                <a:sysClr val="windowText" lastClr="000000"/>
              </a:solidFill>
              <a:latin typeface="游ゴシック" panose="020B0400000000000000" pitchFamily="50" charset="-128"/>
              <a:ea typeface="游ゴシック" panose="020B0400000000000000" pitchFamily="50" charset="-128"/>
            </a:rPr>
            <a:t>17</a:t>
          </a:r>
          <a:r>
            <a:rPr kumimoji="1" lang="ja-JP" altLang="en-US" sz="1600">
              <a:solidFill>
                <a:sysClr val="windowText" lastClr="000000"/>
              </a:solidFill>
              <a:latin typeface="游ゴシック" panose="020B0400000000000000" pitchFamily="50" charset="-128"/>
              <a:ea typeface="游ゴシック" panose="020B0400000000000000" pitchFamily="50" charset="-128"/>
            </a:rPr>
            <a:t>号様式</a:t>
          </a:r>
          <a:r>
            <a:rPr kumimoji="1" lang="en-US" altLang="ja-JP" sz="1600">
              <a:solidFill>
                <a:sysClr val="windowText" lastClr="000000"/>
              </a:solidFill>
              <a:latin typeface="游ゴシック" panose="020B0400000000000000" pitchFamily="50" charset="-128"/>
              <a:ea typeface="游ゴシック" panose="020B0400000000000000" pitchFamily="50" charset="-128"/>
            </a:rPr>
            <a:t>)</a:t>
          </a:r>
          <a:r>
            <a:rPr kumimoji="1" lang="ja-JP" altLang="en-US" sz="1600">
              <a:solidFill>
                <a:sysClr val="windowText" lastClr="000000"/>
              </a:solidFill>
              <a:latin typeface="游ゴシック" panose="020B0400000000000000" pitchFamily="50" charset="-128"/>
              <a:ea typeface="游ゴシック" panose="020B0400000000000000" pitchFamily="50" charset="-128"/>
            </a:rPr>
            <a:t>とあわせてご提出ください。</a:t>
          </a:r>
          <a:endParaRPr kumimoji="1" lang="en-US" altLang="ja-JP" sz="1600">
            <a:solidFill>
              <a:sysClr val="windowText" lastClr="000000"/>
            </a:solidFill>
            <a:latin typeface="游ゴシック" panose="020B0400000000000000" pitchFamily="50" charset="-128"/>
            <a:ea typeface="游ゴシック" panose="020B0400000000000000"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409575</xdr:colOff>
      <xdr:row>2</xdr:row>
      <xdr:rowOff>104775</xdr:rowOff>
    </xdr:from>
    <xdr:to>
      <xdr:col>3</xdr:col>
      <xdr:colOff>4298496</xdr:colOff>
      <xdr:row>5</xdr:row>
      <xdr:rowOff>142875</xdr:rowOff>
    </xdr:to>
    <xdr:sp macro="" textlink="">
      <xdr:nvSpPr>
        <xdr:cNvPr id="2" name="テキスト ボックス 1"/>
        <xdr:cNvSpPr txBox="1"/>
      </xdr:nvSpPr>
      <xdr:spPr>
        <a:xfrm>
          <a:off x="1076325" y="1047750"/>
          <a:ext cx="4993821" cy="1371600"/>
        </a:xfrm>
        <a:prstGeom prst="rect">
          <a:avLst/>
        </a:prstGeom>
        <a:no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1600">
              <a:solidFill>
                <a:sysClr val="windowText" lastClr="000000"/>
              </a:solidFill>
              <a:latin typeface="游ゴシック" panose="020B0400000000000000" pitchFamily="50" charset="-128"/>
              <a:ea typeface="游ゴシック" panose="020B0400000000000000" pitchFamily="50" charset="-128"/>
            </a:rPr>
            <a:t>このシートを使用された場合は、印刷のうえ計画書</a:t>
          </a:r>
          <a:r>
            <a:rPr kumimoji="1" lang="en-US" altLang="ja-JP" sz="1600">
              <a:solidFill>
                <a:sysClr val="windowText" lastClr="000000"/>
              </a:solidFill>
              <a:latin typeface="游ゴシック" panose="020B0400000000000000" pitchFamily="50" charset="-128"/>
              <a:ea typeface="游ゴシック" panose="020B0400000000000000" pitchFamily="50" charset="-128"/>
            </a:rPr>
            <a:t>(</a:t>
          </a:r>
          <a:r>
            <a:rPr kumimoji="1" lang="ja-JP" altLang="en-US" sz="1600">
              <a:solidFill>
                <a:sysClr val="windowText" lastClr="000000"/>
              </a:solidFill>
              <a:latin typeface="游ゴシック" panose="020B0400000000000000" pitchFamily="50" charset="-128"/>
              <a:ea typeface="游ゴシック" panose="020B0400000000000000" pitchFamily="50" charset="-128"/>
            </a:rPr>
            <a:t>第</a:t>
          </a:r>
          <a:r>
            <a:rPr kumimoji="1" lang="en-US" altLang="ja-JP" sz="1600">
              <a:solidFill>
                <a:sysClr val="windowText" lastClr="000000"/>
              </a:solidFill>
              <a:latin typeface="游ゴシック" panose="020B0400000000000000" pitchFamily="50" charset="-128"/>
              <a:ea typeface="游ゴシック" panose="020B0400000000000000" pitchFamily="50" charset="-128"/>
            </a:rPr>
            <a:t>17</a:t>
          </a:r>
          <a:r>
            <a:rPr kumimoji="1" lang="ja-JP" altLang="en-US" sz="1600">
              <a:solidFill>
                <a:sysClr val="windowText" lastClr="000000"/>
              </a:solidFill>
              <a:latin typeface="游ゴシック" panose="020B0400000000000000" pitchFamily="50" charset="-128"/>
              <a:ea typeface="游ゴシック" panose="020B0400000000000000" pitchFamily="50" charset="-128"/>
            </a:rPr>
            <a:t>号様式</a:t>
          </a:r>
          <a:r>
            <a:rPr kumimoji="1" lang="en-US" altLang="ja-JP" sz="1600">
              <a:solidFill>
                <a:sysClr val="windowText" lastClr="000000"/>
              </a:solidFill>
              <a:latin typeface="游ゴシック" panose="020B0400000000000000" pitchFamily="50" charset="-128"/>
              <a:ea typeface="游ゴシック" panose="020B0400000000000000" pitchFamily="50" charset="-128"/>
            </a:rPr>
            <a:t>)</a:t>
          </a:r>
          <a:r>
            <a:rPr kumimoji="1" lang="ja-JP" altLang="en-US" sz="1600">
              <a:solidFill>
                <a:sysClr val="windowText" lastClr="000000"/>
              </a:solidFill>
              <a:latin typeface="游ゴシック" panose="020B0400000000000000" pitchFamily="50" charset="-128"/>
              <a:ea typeface="游ゴシック" panose="020B0400000000000000" pitchFamily="50" charset="-128"/>
            </a:rPr>
            <a:t>とあわせてご提出ください。</a:t>
          </a:r>
          <a:endParaRPr kumimoji="1" lang="en-US" altLang="ja-JP" sz="1600">
            <a:solidFill>
              <a:sysClr val="windowText" lastClr="000000"/>
            </a:solidFill>
            <a:latin typeface="游ゴシック" panose="020B0400000000000000" pitchFamily="50" charset="-128"/>
            <a:ea typeface="游ゴシック" panose="020B0400000000000000" pitchFamily="50"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59999389629810485"/>
    <pageSetUpPr fitToPage="1"/>
  </sheetPr>
  <dimension ref="A1:I77"/>
  <sheetViews>
    <sheetView showGridLines="0" tabSelected="1" view="pageBreakPreview" zoomScale="80" zoomScaleNormal="80" zoomScaleSheetLayoutView="80" workbookViewId="0">
      <selection activeCell="D10" sqref="D10"/>
    </sheetView>
  </sheetViews>
  <sheetFormatPr defaultRowHeight="22.2" x14ac:dyDescent="0.2"/>
  <cols>
    <col min="1" max="2" width="8.69921875" style="11" customWidth="1"/>
    <col min="3" max="3" width="5.69921875" style="11" customWidth="1"/>
    <col min="4" max="4" width="80.69921875" style="11" customWidth="1"/>
    <col min="5" max="5" width="12.69921875" style="13" customWidth="1"/>
    <col min="6" max="6" width="50.69921875" style="14" customWidth="1"/>
    <col min="7" max="7" width="65.69921875" style="11" customWidth="1"/>
    <col min="8" max="16384" width="8.796875" style="11"/>
  </cols>
  <sheetData>
    <row r="1" spans="1:7" ht="25.05" customHeight="1" x14ac:dyDescent="0.2">
      <c r="A1" s="87" t="s">
        <v>187</v>
      </c>
      <c r="B1" s="87"/>
      <c r="C1" s="87"/>
      <c r="D1" s="87"/>
      <c r="E1" s="87"/>
      <c r="F1" s="87"/>
    </row>
    <row r="2" spans="1:7" ht="49.95" customHeight="1" x14ac:dyDescent="0.2">
      <c r="E2" s="56"/>
      <c r="F2" s="57"/>
    </row>
    <row r="3" spans="1:7" ht="30" customHeight="1" x14ac:dyDescent="0.2">
      <c r="B3" s="81"/>
      <c r="C3" s="81"/>
      <c r="D3" s="58"/>
      <c r="E3" s="7"/>
      <c r="F3" s="57"/>
    </row>
    <row r="4" spans="1:7" ht="30" customHeight="1" x14ac:dyDescent="0.2">
      <c r="B4" s="82"/>
      <c r="C4" s="82"/>
      <c r="D4" s="58"/>
      <c r="E4" s="8"/>
      <c r="F4" s="59"/>
    </row>
    <row r="5" spans="1:7" ht="45" customHeight="1" x14ac:dyDescent="0.2">
      <c r="B5" s="8"/>
      <c r="C5" s="8"/>
      <c r="D5" s="58"/>
      <c r="E5" s="51" t="s">
        <v>32</v>
      </c>
      <c r="F5" s="54"/>
    </row>
    <row r="6" spans="1:7" ht="45" customHeight="1" x14ac:dyDescent="0.2">
      <c r="B6" s="8"/>
      <c r="C6" s="8"/>
      <c r="D6" s="58"/>
      <c r="E6" s="50" t="s">
        <v>33</v>
      </c>
      <c r="F6" s="55"/>
    </row>
    <row r="7" spans="1:7" ht="30" customHeight="1" x14ac:dyDescent="0.2"/>
    <row r="8" spans="1:7" ht="30" customHeight="1" x14ac:dyDescent="0.2">
      <c r="C8" s="11" t="s">
        <v>38</v>
      </c>
    </row>
    <row r="9" spans="1:7" ht="49.95" customHeight="1" thickBot="1" x14ac:dyDescent="0.25">
      <c r="A9" s="83" t="s">
        <v>39</v>
      </c>
      <c r="B9" s="84"/>
      <c r="C9" s="61" t="s">
        <v>37</v>
      </c>
      <c r="D9" s="62" t="s">
        <v>188</v>
      </c>
      <c r="E9" s="63" t="s">
        <v>0</v>
      </c>
      <c r="F9" s="64" t="s">
        <v>34</v>
      </c>
      <c r="G9" s="52" t="s">
        <v>179</v>
      </c>
    </row>
    <row r="10" spans="1:7" ht="40.049999999999997" customHeight="1" thickTop="1" x14ac:dyDescent="0.2">
      <c r="A10" s="74" t="s">
        <v>1</v>
      </c>
      <c r="B10" s="74" t="s">
        <v>2</v>
      </c>
      <c r="C10" s="74" t="s">
        <v>3</v>
      </c>
      <c r="D10" s="15" t="s">
        <v>66</v>
      </c>
      <c r="E10" s="16"/>
      <c r="F10" s="40"/>
      <c r="G10" s="47" t="s">
        <v>35</v>
      </c>
    </row>
    <row r="11" spans="1:7" ht="40.049999999999997" customHeight="1" x14ac:dyDescent="0.2">
      <c r="A11" s="75"/>
      <c r="B11" s="75"/>
      <c r="C11" s="75"/>
      <c r="D11" s="10" t="s">
        <v>67</v>
      </c>
      <c r="E11" s="17"/>
      <c r="F11" s="37"/>
      <c r="G11" s="48" t="s">
        <v>36</v>
      </c>
    </row>
    <row r="12" spans="1:7" ht="40.049999999999997" customHeight="1" x14ac:dyDescent="0.2">
      <c r="A12" s="75"/>
      <c r="B12" s="75"/>
      <c r="C12" s="75"/>
      <c r="D12" s="10" t="s">
        <v>68</v>
      </c>
      <c r="E12" s="17"/>
      <c r="F12" s="37"/>
      <c r="G12" s="48" t="s">
        <v>55</v>
      </c>
    </row>
    <row r="13" spans="1:7" ht="40.049999999999997" customHeight="1" x14ac:dyDescent="0.2">
      <c r="A13" s="75"/>
      <c r="B13" s="75"/>
      <c r="C13" s="75"/>
      <c r="D13" s="10" t="s">
        <v>69</v>
      </c>
      <c r="E13" s="17"/>
      <c r="F13" s="37"/>
      <c r="G13" s="48"/>
    </row>
    <row r="14" spans="1:7" ht="40.049999999999997" customHeight="1" x14ac:dyDescent="0.2">
      <c r="A14" s="75"/>
      <c r="B14" s="75"/>
      <c r="C14" s="75"/>
      <c r="D14" s="10" t="s">
        <v>70</v>
      </c>
      <c r="E14" s="17"/>
      <c r="F14" s="37"/>
      <c r="G14" s="48"/>
    </row>
    <row r="15" spans="1:7" ht="40.049999999999997" customHeight="1" x14ac:dyDescent="0.2">
      <c r="A15" s="75"/>
      <c r="B15" s="75"/>
      <c r="C15" s="75"/>
      <c r="D15" s="21" t="s">
        <v>71</v>
      </c>
      <c r="E15" s="22"/>
      <c r="F15" s="41"/>
      <c r="G15" s="48" t="s">
        <v>40</v>
      </c>
    </row>
    <row r="16" spans="1:7" ht="40.049999999999997" customHeight="1" x14ac:dyDescent="0.2">
      <c r="A16" s="75"/>
      <c r="B16" s="75"/>
      <c r="C16" s="85" t="s">
        <v>18</v>
      </c>
      <c r="D16" s="10" t="s">
        <v>73</v>
      </c>
      <c r="E16" s="17"/>
      <c r="F16" s="37"/>
      <c r="G16" s="48" t="s">
        <v>181</v>
      </c>
    </row>
    <row r="17" spans="1:7" ht="40.049999999999997" customHeight="1" x14ac:dyDescent="0.2">
      <c r="A17" s="75"/>
      <c r="B17" s="75"/>
      <c r="C17" s="75"/>
      <c r="D17" s="10" t="s">
        <v>74</v>
      </c>
      <c r="E17" s="17"/>
      <c r="F17" s="37"/>
      <c r="G17" s="48" t="s">
        <v>41</v>
      </c>
    </row>
    <row r="18" spans="1:7" ht="40.049999999999997" customHeight="1" x14ac:dyDescent="0.2">
      <c r="A18" s="75"/>
      <c r="B18" s="75"/>
      <c r="C18" s="75"/>
      <c r="D18" s="10" t="s">
        <v>175</v>
      </c>
      <c r="E18" s="17"/>
      <c r="F18" s="37"/>
      <c r="G18" s="48" t="s">
        <v>177</v>
      </c>
    </row>
    <row r="19" spans="1:7" ht="40.049999999999997" customHeight="1" x14ac:dyDescent="0.2">
      <c r="A19" s="75"/>
      <c r="B19" s="75"/>
      <c r="C19" s="75"/>
      <c r="D19" s="10" t="s">
        <v>75</v>
      </c>
      <c r="E19" s="17"/>
      <c r="F19" s="37"/>
      <c r="G19" s="48" t="s">
        <v>182</v>
      </c>
    </row>
    <row r="20" spans="1:7" ht="40.049999999999997" customHeight="1" x14ac:dyDescent="0.2">
      <c r="A20" s="75"/>
      <c r="B20" s="75"/>
      <c r="C20" s="75"/>
      <c r="D20" s="21" t="s">
        <v>76</v>
      </c>
      <c r="E20" s="22"/>
      <c r="F20" s="41"/>
      <c r="G20" s="48"/>
    </row>
    <row r="21" spans="1:7" ht="40.049999999999997" customHeight="1" x14ac:dyDescent="0.2">
      <c r="A21" s="75"/>
      <c r="B21" s="75"/>
      <c r="C21" s="85" t="s">
        <v>19</v>
      </c>
      <c r="D21" s="10" t="s">
        <v>77</v>
      </c>
      <c r="E21" s="17"/>
      <c r="F21" s="37"/>
      <c r="G21" s="48" t="s">
        <v>42</v>
      </c>
    </row>
    <row r="22" spans="1:7" ht="40.049999999999997" customHeight="1" x14ac:dyDescent="0.2">
      <c r="A22" s="75"/>
      <c r="B22" s="75"/>
      <c r="C22" s="75"/>
      <c r="D22" s="10" t="s">
        <v>78</v>
      </c>
      <c r="E22" s="17"/>
      <c r="F22" s="37"/>
      <c r="G22" s="48" t="s">
        <v>43</v>
      </c>
    </row>
    <row r="23" spans="1:7" ht="40.049999999999997" customHeight="1" x14ac:dyDescent="0.2">
      <c r="A23" s="75"/>
      <c r="B23" s="75"/>
      <c r="C23" s="75"/>
      <c r="D23" s="21" t="s">
        <v>79</v>
      </c>
      <c r="E23" s="22"/>
      <c r="F23" s="41"/>
      <c r="G23" s="48" t="s">
        <v>44</v>
      </c>
    </row>
    <row r="24" spans="1:7" ht="40.049999999999997" customHeight="1" x14ac:dyDescent="0.2">
      <c r="A24" s="75"/>
      <c r="B24" s="75"/>
      <c r="C24" s="76"/>
      <c r="D24" s="10" t="s">
        <v>129</v>
      </c>
      <c r="E24" s="17"/>
      <c r="F24" s="37"/>
      <c r="G24" s="48" t="s">
        <v>72</v>
      </c>
    </row>
    <row r="25" spans="1:7" ht="90" customHeight="1" x14ac:dyDescent="0.2">
      <c r="A25" s="75"/>
      <c r="B25" s="75"/>
      <c r="C25" s="75" t="s">
        <v>20</v>
      </c>
      <c r="D25" s="9" t="s">
        <v>80</v>
      </c>
      <c r="E25" s="20"/>
      <c r="F25" s="42"/>
      <c r="G25" s="49" t="s">
        <v>184</v>
      </c>
    </row>
    <row r="26" spans="1:7" ht="40.049999999999997" customHeight="1" x14ac:dyDescent="0.2">
      <c r="A26" s="75"/>
      <c r="B26" s="75"/>
      <c r="C26" s="75"/>
      <c r="D26" s="10" t="s">
        <v>81</v>
      </c>
      <c r="E26" s="17"/>
      <c r="F26" s="37"/>
      <c r="G26" s="48" t="s">
        <v>45</v>
      </c>
    </row>
    <row r="27" spans="1:7" ht="40.049999999999997" customHeight="1" x14ac:dyDescent="0.2">
      <c r="A27" s="75"/>
      <c r="B27" s="75"/>
      <c r="C27" s="75"/>
      <c r="D27" s="10" t="s">
        <v>82</v>
      </c>
      <c r="E27" s="17"/>
      <c r="F27" s="37"/>
      <c r="G27" s="48"/>
    </row>
    <row r="28" spans="1:7" ht="40.049999999999997" customHeight="1" x14ac:dyDescent="0.2">
      <c r="A28" s="75"/>
      <c r="B28" s="75"/>
      <c r="C28" s="75"/>
      <c r="D28" s="21" t="s">
        <v>83</v>
      </c>
      <c r="E28" s="22"/>
      <c r="F28" s="41"/>
      <c r="G28" s="48"/>
    </row>
    <row r="29" spans="1:7" ht="40.049999999999997" customHeight="1" x14ac:dyDescent="0.2">
      <c r="A29" s="75"/>
      <c r="B29" s="75"/>
      <c r="C29" s="77" t="s">
        <v>21</v>
      </c>
      <c r="D29" s="10" t="s">
        <v>84</v>
      </c>
      <c r="E29" s="17"/>
      <c r="F29" s="37"/>
      <c r="G29" s="49" t="s">
        <v>46</v>
      </c>
    </row>
    <row r="30" spans="1:7" ht="40.049999999999997" customHeight="1" x14ac:dyDescent="0.2">
      <c r="A30" s="75"/>
      <c r="B30" s="75"/>
      <c r="C30" s="80"/>
      <c r="D30" s="21" t="s">
        <v>85</v>
      </c>
      <c r="E30" s="22"/>
      <c r="F30" s="41"/>
      <c r="G30" s="48" t="s">
        <v>185</v>
      </c>
    </row>
    <row r="31" spans="1:7" ht="40.049999999999997" customHeight="1" x14ac:dyDescent="0.2">
      <c r="A31" s="75"/>
      <c r="B31" s="75"/>
      <c r="C31" s="88" t="s">
        <v>4</v>
      </c>
      <c r="D31" s="10" t="s">
        <v>86</v>
      </c>
      <c r="E31" s="36"/>
      <c r="F31" s="37"/>
      <c r="G31" s="48"/>
    </row>
    <row r="32" spans="1:7" ht="40.049999999999997" customHeight="1" x14ac:dyDescent="0.2">
      <c r="A32" s="75"/>
      <c r="B32" s="75"/>
      <c r="C32" s="88"/>
      <c r="D32" s="10" t="s">
        <v>87</v>
      </c>
      <c r="E32" s="36"/>
      <c r="F32" s="37"/>
      <c r="G32" s="48"/>
    </row>
    <row r="33" spans="1:7" ht="40.049999999999997" customHeight="1" x14ac:dyDescent="0.2">
      <c r="A33" s="75"/>
      <c r="B33" s="75"/>
      <c r="C33" s="75" t="s">
        <v>22</v>
      </c>
      <c r="D33" s="9" t="s">
        <v>88</v>
      </c>
      <c r="E33" s="20"/>
      <c r="F33" s="42"/>
      <c r="G33" s="48" t="s">
        <v>47</v>
      </c>
    </row>
    <row r="34" spans="1:7" ht="40.049999999999997" customHeight="1" x14ac:dyDescent="0.2">
      <c r="A34" s="75"/>
      <c r="B34" s="75"/>
      <c r="C34" s="75"/>
      <c r="D34" s="9" t="s">
        <v>89</v>
      </c>
      <c r="E34" s="20"/>
      <c r="F34" s="42"/>
      <c r="G34" s="48" t="s">
        <v>48</v>
      </c>
    </row>
    <row r="35" spans="1:7" ht="40.049999999999997" customHeight="1" x14ac:dyDescent="0.2">
      <c r="A35" s="75"/>
      <c r="B35" s="75"/>
      <c r="C35" s="75"/>
      <c r="D35" s="9" t="s">
        <v>90</v>
      </c>
      <c r="E35" s="20"/>
      <c r="F35" s="42"/>
      <c r="G35" s="48" t="s">
        <v>49</v>
      </c>
    </row>
    <row r="36" spans="1:7" ht="40.049999999999997" customHeight="1" x14ac:dyDescent="0.2">
      <c r="A36" s="75"/>
      <c r="B36" s="75"/>
      <c r="C36" s="76"/>
      <c r="D36" s="9" t="s">
        <v>91</v>
      </c>
      <c r="E36" s="20"/>
      <c r="F36" s="42"/>
      <c r="G36" s="48" t="s">
        <v>50</v>
      </c>
    </row>
    <row r="37" spans="1:7" ht="40.049999999999997" customHeight="1" x14ac:dyDescent="0.2">
      <c r="A37" s="75"/>
      <c r="B37" s="75"/>
      <c r="C37" s="80" t="s">
        <v>23</v>
      </c>
      <c r="D37" s="9" t="s">
        <v>92</v>
      </c>
      <c r="E37" s="20"/>
      <c r="F37" s="42"/>
      <c r="G37" s="48" t="s">
        <v>51</v>
      </c>
    </row>
    <row r="38" spans="1:7" ht="40.049999999999997" customHeight="1" thickBot="1" x14ac:dyDescent="0.25">
      <c r="A38" s="75"/>
      <c r="B38" s="79"/>
      <c r="C38" s="86"/>
      <c r="D38" s="18" t="s">
        <v>93</v>
      </c>
      <c r="E38" s="19"/>
      <c r="F38" s="26"/>
      <c r="G38" s="48" t="s">
        <v>52</v>
      </c>
    </row>
    <row r="39" spans="1:7" ht="40.049999999999997" customHeight="1" thickTop="1" x14ac:dyDescent="0.2">
      <c r="A39" s="75" t="s">
        <v>186</v>
      </c>
      <c r="B39" s="75" t="s">
        <v>5</v>
      </c>
      <c r="C39" s="75" t="s">
        <v>6</v>
      </c>
      <c r="D39" s="9" t="s">
        <v>94</v>
      </c>
      <c r="E39" s="20"/>
      <c r="F39" s="42"/>
      <c r="G39" s="48"/>
    </row>
    <row r="40" spans="1:7" ht="40.049999999999997" customHeight="1" x14ac:dyDescent="0.2">
      <c r="A40" s="75"/>
      <c r="B40" s="75"/>
      <c r="C40" s="75"/>
      <c r="D40" s="10" t="s">
        <v>95</v>
      </c>
      <c r="E40" s="17"/>
      <c r="F40" s="37"/>
      <c r="G40" s="48"/>
    </row>
    <row r="41" spans="1:7" ht="40.049999999999997" customHeight="1" x14ac:dyDescent="0.2">
      <c r="A41" s="75"/>
      <c r="B41" s="75"/>
      <c r="C41" s="75"/>
      <c r="D41" s="10" t="s">
        <v>96</v>
      </c>
      <c r="E41" s="17"/>
      <c r="F41" s="37"/>
      <c r="G41" s="48" t="s">
        <v>53</v>
      </c>
    </row>
    <row r="42" spans="1:7" ht="40.049999999999997" customHeight="1" x14ac:dyDescent="0.2">
      <c r="A42" s="75"/>
      <c r="B42" s="75"/>
      <c r="C42" s="75"/>
      <c r="D42" s="10" t="s">
        <v>97</v>
      </c>
      <c r="E42" s="17"/>
      <c r="F42" s="37"/>
      <c r="G42" s="48"/>
    </row>
    <row r="43" spans="1:7" ht="40.049999999999997" customHeight="1" x14ac:dyDescent="0.2">
      <c r="A43" s="75"/>
      <c r="B43" s="75"/>
      <c r="C43" s="75"/>
      <c r="D43" s="21" t="s">
        <v>98</v>
      </c>
      <c r="E43" s="22"/>
      <c r="F43" s="41"/>
      <c r="G43" s="48" t="s">
        <v>54</v>
      </c>
    </row>
    <row r="44" spans="1:7" ht="40.049999999999997" customHeight="1" x14ac:dyDescent="0.2">
      <c r="A44" s="75"/>
      <c r="B44" s="75"/>
      <c r="C44" s="85" t="s">
        <v>24</v>
      </c>
      <c r="D44" s="10" t="s">
        <v>99</v>
      </c>
      <c r="E44" s="17"/>
      <c r="F44" s="37"/>
      <c r="G44" s="48"/>
    </row>
    <row r="45" spans="1:7" ht="40.049999999999997" customHeight="1" x14ac:dyDescent="0.2">
      <c r="A45" s="75"/>
      <c r="B45" s="75"/>
      <c r="C45" s="75"/>
      <c r="D45" s="10" t="s">
        <v>100</v>
      </c>
      <c r="E45" s="17"/>
      <c r="F45" s="37"/>
      <c r="G45" s="48"/>
    </row>
    <row r="46" spans="1:7" ht="40.049999999999997" customHeight="1" x14ac:dyDescent="0.2">
      <c r="A46" s="75"/>
      <c r="B46" s="75"/>
      <c r="C46" s="75"/>
      <c r="D46" s="10" t="s">
        <v>101</v>
      </c>
      <c r="E46" s="17"/>
      <c r="F46" s="37"/>
      <c r="G46" s="48"/>
    </row>
    <row r="47" spans="1:7" ht="40.049999999999997" customHeight="1" x14ac:dyDescent="0.2">
      <c r="A47" s="75"/>
      <c r="B47" s="75"/>
      <c r="C47" s="76"/>
      <c r="D47" s="10" t="s">
        <v>102</v>
      </c>
      <c r="E47" s="17"/>
      <c r="F47" s="37"/>
      <c r="G47" s="48"/>
    </row>
    <row r="48" spans="1:7" ht="40.049999999999997" customHeight="1" x14ac:dyDescent="0.2">
      <c r="A48" s="75"/>
      <c r="B48" s="75"/>
      <c r="C48" s="85" t="s">
        <v>7</v>
      </c>
      <c r="D48" s="10" t="s">
        <v>103</v>
      </c>
      <c r="E48" s="17"/>
      <c r="F48" s="37"/>
      <c r="G48" s="48"/>
    </row>
    <row r="49" spans="1:7" ht="40.049999999999997" customHeight="1" x14ac:dyDescent="0.2">
      <c r="A49" s="75"/>
      <c r="B49" s="75"/>
      <c r="C49" s="75"/>
      <c r="D49" s="9" t="s">
        <v>104</v>
      </c>
      <c r="E49" s="20"/>
      <c r="F49" s="42"/>
      <c r="G49" s="48"/>
    </row>
    <row r="50" spans="1:7" ht="40.049999999999997" customHeight="1" x14ac:dyDescent="0.2">
      <c r="A50" s="75"/>
      <c r="B50" s="75"/>
      <c r="C50" s="75"/>
      <c r="D50" s="10" t="s">
        <v>105</v>
      </c>
      <c r="E50" s="17"/>
      <c r="F50" s="39"/>
      <c r="G50" s="48"/>
    </row>
    <row r="51" spans="1:7" ht="40.049999999999997" customHeight="1" x14ac:dyDescent="0.2">
      <c r="A51" s="75"/>
      <c r="B51" s="75"/>
      <c r="C51" s="76"/>
      <c r="D51" s="38" t="s">
        <v>106</v>
      </c>
      <c r="E51" s="17"/>
      <c r="F51" s="39"/>
      <c r="G51" s="48"/>
    </row>
    <row r="52" spans="1:7" ht="40.049999999999997" customHeight="1" x14ac:dyDescent="0.2">
      <c r="A52" s="75"/>
      <c r="B52" s="75"/>
      <c r="C52" s="85" t="s">
        <v>8</v>
      </c>
      <c r="D52" s="38" t="s">
        <v>107</v>
      </c>
      <c r="E52" s="17"/>
      <c r="F52" s="39"/>
      <c r="G52" s="48" t="s">
        <v>56</v>
      </c>
    </row>
    <row r="53" spans="1:7" ht="40.049999999999997" customHeight="1" x14ac:dyDescent="0.2">
      <c r="A53" s="75"/>
      <c r="B53" s="75"/>
      <c r="C53" s="75"/>
      <c r="D53" s="9" t="s">
        <v>108</v>
      </c>
      <c r="E53" s="20"/>
      <c r="F53" s="43"/>
      <c r="G53" s="48" t="s">
        <v>57</v>
      </c>
    </row>
    <row r="54" spans="1:7" ht="40.049999999999997" customHeight="1" x14ac:dyDescent="0.2">
      <c r="A54" s="75"/>
      <c r="B54" s="75"/>
      <c r="C54" s="76"/>
      <c r="D54" s="9" t="s">
        <v>109</v>
      </c>
      <c r="E54" s="20"/>
      <c r="F54" s="43"/>
      <c r="G54" s="48" t="s">
        <v>58</v>
      </c>
    </row>
    <row r="55" spans="1:7" ht="40.049999999999997" customHeight="1" x14ac:dyDescent="0.2">
      <c r="A55" s="75"/>
      <c r="B55" s="75"/>
      <c r="C55" s="77" t="s">
        <v>25</v>
      </c>
      <c r="D55" s="10" t="s">
        <v>110</v>
      </c>
      <c r="E55" s="17"/>
      <c r="F55" s="39"/>
      <c r="G55" s="48"/>
    </row>
    <row r="56" spans="1:7" ht="40.049999999999997" customHeight="1" x14ac:dyDescent="0.2">
      <c r="A56" s="75"/>
      <c r="B56" s="75"/>
      <c r="C56" s="78"/>
      <c r="D56" s="38" t="s">
        <v>111</v>
      </c>
      <c r="E56" s="17"/>
      <c r="F56" s="39"/>
      <c r="G56" s="48"/>
    </row>
    <row r="57" spans="1:7" ht="40.049999999999997" customHeight="1" thickBot="1" x14ac:dyDescent="0.25">
      <c r="A57" s="75"/>
      <c r="B57" s="79"/>
      <c r="C57" s="71" t="s">
        <v>26</v>
      </c>
      <c r="D57" s="24" t="s">
        <v>112</v>
      </c>
      <c r="E57" s="25"/>
      <c r="F57" s="44"/>
      <c r="G57" s="48"/>
    </row>
    <row r="58" spans="1:7" ht="40.049999999999997" customHeight="1" thickTop="1" x14ac:dyDescent="0.2">
      <c r="A58" s="75"/>
      <c r="B58" s="75" t="s">
        <v>27</v>
      </c>
      <c r="C58" s="80" t="s">
        <v>28</v>
      </c>
      <c r="D58" s="9" t="s">
        <v>113</v>
      </c>
      <c r="E58" s="20"/>
      <c r="F58" s="42"/>
      <c r="G58" s="48" t="s">
        <v>59</v>
      </c>
    </row>
    <row r="59" spans="1:7" ht="40.049999999999997" customHeight="1" x14ac:dyDescent="0.2">
      <c r="A59" s="75"/>
      <c r="B59" s="75"/>
      <c r="C59" s="80"/>
      <c r="D59" s="21" t="s">
        <v>114</v>
      </c>
      <c r="E59" s="22"/>
      <c r="F59" s="41"/>
      <c r="G59" s="49" t="s">
        <v>60</v>
      </c>
    </row>
    <row r="60" spans="1:7" ht="40.049999999999997" customHeight="1" x14ac:dyDescent="0.2">
      <c r="A60" s="75"/>
      <c r="B60" s="75"/>
      <c r="C60" s="77" t="s">
        <v>10</v>
      </c>
      <c r="D60" s="10" t="s">
        <v>115</v>
      </c>
      <c r="E60" s="17"/>
      <c r="F60" s="37"/>
      <c r="G60" s="48" t="s">
        <v>61</v>
      </c>
    </row>
    <row r="61" spans="1:7" ht="40.049999999999997" customHeight="1" x14ac:dyDescent="0.2">
      <c r="A61" s="75"/>
      <c r="B61" s="75"/>
      <c r="C61" s="78"/>
      <c r="D61" s="9" t="s">
        <v>116</v>
      </c>
      <c r="E61" s="20"/>
      <c r="F61" s="43"/>
      <c r="G61" s="48" t="s">
        <v>62</v>
      </c>
    </row>
    <row r="62" spans="1:7" ht="40.049999999999997" customHeight="1" x14ac:dyDescent="0.2">
      <c r="A62" s="75"/>
      <c r="B62" s="75"/>
      <c r="C62" s="77" t="s">
        <v>11</v>
      </c>
      <c r="D62" s="10" t="s">
        <v>117</v>
      </c>
      <c r="E62" s="17"/>
      <c r="F62" s="37"/>
      <c r="G62" s="48" t="s">
        <v>63</v>
      </c>
    </row>
    <row r="63" spans="1:7" ht="40.049999999999997" customHeight="1" x14ac:dyDescent="0.2">
      <c r="A63" s="75"/>
      <c r="B63" s="75"/>
      <c r="C63" s="80"/>
      <c r="D63" s="9" t="s">
        <v>118</v>
      </c>
      <c r="E63" s="27"/>
      <c r="F63" s="43"/>
      <c r="G63" s="48"/>
    </row>
    <row r="64" spans="1:7" ht="40.049999999999997" customHeight="1" x14ac:dyDescent="0.2">
      <c r="A64" s="75"/>
      <c r="B64" s="75"/>
      <c r="C64" s="78"/>
      <c r="D64" s="9" t="s">
        <v>119</v>
      </c>
      <c r="E64" s="27"/>
      <c r="F64" s="43"/>
      <c r="G64" s="48"/>
    </row>
    <row r="65" spans="1:9" ht="40.049999999999997" customHeight="1" x14ac:dyDescent="0.2">
      <c r="A65" s="75"/>
      <c r="B65" s="75"/>
      <c r="C65" s="72" t="s">
        <v>29</v>
      </c>
      <c r="D65" s="10" t="s">
        <v>176</v>
      </c>
      <c r="E65" s="27"/>
      <c r="F65" s="39"/>
      <c r="G65" s="48"/>
    </row>
    <row r="66" spans="1:9" ht="40.049999999999997" customHeight="1" x14ac:dyDescent="0.2">
      <c r="A66" s="75"/>
      <c r="B66" s="75"/>
      <c r="C66" s="77" t="s">
        <v>30</v>
      </c>
      <c r="D66" s="10" t="s">
        <v>120</v>
      </c>
      <c r="E66" s="17"/>
      <c r="F66" s="39"/>
      <c r="G66" s="48" t="s">
        <v>64</v>
      </c>
    </row>
    <row r="67" spans="1:9" ht="40.049999999999997" customHeight="1" x14ac:dyDescent="0.2">
      <c r="A67" s="75"/>
      <c r="B67" s="75"/>
      <c r="C67" s="78"/>
      <c r="D67" s="10" t="s">
        <v>121</v>
      </c>
      <c r="E67" s="17"/>
      <c r="F67" s="39"/>
      <c r="G67" s="48"/>
    </row>
    <row r="68" spans="1:9" ht="40.049999999999997" customHeight="1" x14ac:dyDescent="0.2">
      <c r="A68" s="75"/>
      <c r="B68" s="75"/>
      <c r="C68" s="72" t="s">
        <v>31</v>
      </c>
      <c r="D68" s="10" t="s">
        <v>122</v>
      </c>
      <c r="E68" s="17"/>
      <c r="F68" s="39"/>
      <c r="G68" s="48"/>
    </row>
    <row r="69" spans="1:9" ht="40.049999999999997" customHeight="1" x14ac:dyDescent="0.2">
      <c r="A69" s="75"/>
      <c r="B69" s="75"/>
      <c r="C69" s="80" t="s">
        <v>12</v>
      </c>
      <c r="D69" s="9" t="s">
        <v>123</v>
      </c>
      <c r="E69" s="20"/>
      <c r="F69" s="43"/>
      <c r="G69" s="48"/>
    </row>
    <row r="70" spans="1:9" ht="40.049999999999997" customHeight="1" thickBot="1" x14ac:dyDescent="0.25">
      <c r="A70" s="75"/>
      <c r="B70" s="79"/>
      <c r="C70" s="86"/>
      <c r="D70" s="18" t="s">
        <v>124</v>
      </c>
      <c r="E70" s="19"/>
      <c r="F70" s="45"/>
      <c r="G70" s="48"/>
    </row>
    <row r="71" spans="1:9" ht="40.049999999999997" customHeight="1" thickTop="1" x14ac:dyDescent="0.2">
      <c r="A71" s="75"/>
      <c r="B71" s="74" t="s">
        <v>13</v>
      </c>
      <c r="C71" s="74" t="s">
        <v>14</v>
      </c>
      <c r="D71" s="15" t="s">
        <v>125</v>
      </c>
      <c r="E71" s="16"/>
      <c r="F71" s="46"/>
      <c r="G71" s="48" t="s">
        <v>65</v>
      </c>
    </row>
    <row r="72" spans="1:9" ht="40.049999999999997" customHeight="1" x14ac:dyDescent="0.2">
      <c r="A72" s="75"/>
      <c r="B72" s="75"/>
      <c r="C72" s="75"/>
      <c r="D72" s="9" t="s">
        <v>126</v>
      </c>
      <c r="E72" s="20"/>
      <c r="F72" s="43"/>
      <c r="G72" s="48"/>
    </row>
    <row r="73" spans="1:9" ht="40.049999999999997" customHeight="1" thickBot="1" x14ac:dyDescent="0.25">
      <c r="A73" s="75"/>
      <c r="B73" s="76"/>
      <c r="C73" s="76"/>
      <c r="D73" s="28" t="s">
        <v>127</v>
      </c>
      <c r="E73" s="20"/>
      <c r="F73" s="43"/>
      <c r="G73" s="48" t="s">
        <v>183</v>
      </c>
    </row>
    <row r="74" spans="1:9" ht="40.049999999999997" customHeight="1" thickTop="1" x14ac:dyDescent="0.2">
      <c r="A74" s="76"/>
      <c r="B74" s="65" t="s">
        <v>15</v>
      </c>
      <c r="C74" s="73" t="s">
        <v>16</v>
      </c>
      <c r="D74" s="15" t="s">
        <v>128</v>
      </c>
      <c r="E74" s="16"/>
      <c r="F74" s="46"/>
      <c r="G74" s="48"/>
    </row>
    <row r="75" spans="1:9" ht="30" customHeight="1" x14ac:dyDescent="0.2">
      <c r="A75" s="29"/>
      <c r="B75" s="30"/>
      <c r="C75" s="30"/>
      <c r="D75" s="31"/>
      <c r="E75" s="32"/>
      <c r="F75" s="33"/>
      <c r="G75" s="29"/>
      <c r="H75" s="29"/>
      <c r="I75" s="29"/>
    </row>
    <row r="76" spans="1:9" ht="30" customHeight="1" x14ac:dyDescent="0.2">
      <c r="A76" s="29"/>
      <c r="B76" s="30"/>
      <c r="C76" s="30"/>
      <c r="D76" s="34"/>
      <c r="E76" s="32"/>
      <c r="F76" s="35"/>
      <c r="G76" s="29"/>
      <c r="H76" s="29"/>
      <c r="I76" s="29"/>
    </row>
    <row r="77" spans="1:9" x14ac:dyDescent="0.2">
      <c r="A77" s="29"/>
      <c r="B77" s="29"/>
      <c r="C77" s="29"/>
      <c r="D77" s="29"/>
      <c r="E77" s="23"/>
      <c r="F77" s="35"/>
      <c r="G77" s="29"/>
      <c r="H77" s="29"/>
      <c r="I77" s="29"/>
    </row>
  </sheetData>
  <mergeCells count="29">
    <mergeCell ref="C69:C70"/>
    <mergeCell ref="B39:B57"/>
    <mergeCell ref="C39:C43"/>
    <mergeCell ref="A1:F1"/>
    <mergeCell ref="B10:B38"/>
    <mergeCell ref="C10:C15"/>
    <mergeCell ref="C16:C20"/>
    <mergeCell ref="C21:C24"/>
    <mergeCell ref="C25:C28"/>
    <mergeCell ref="C29:C30"/>
    <mergeCell ref="C31:C32"/>
    <mergeCell ref="C33:C36"/>
    <mergeCell ref="C37:C38"/>
    <mergeCell ref="C71:C73"/>
    <mergeCell ref="C55:C56"/>
    <mergeCell ref="B58:B70"/>
    <mergeCell ref="C58:C59"/>
    <mergeCell ref="B3:C3"/>
    <mergeCell ref="B4:C4"/>
    <mergeCell ref="A9:B9"/>
    <mergeCell ref="C62:C64"/>
    <mergeCell ref="C44:C47"/>
    <mergeCell ref="C48:C51"/>
    <mergeCell ref="C52:C54"/>
    <mergeCell ref="C60:C61"/>
    <mergeCell ref="A10:A38"/>
    <mergeCell ref="A39:A74"/>
    <mergeCell ref="B71:B73"/>
    <mergeCell ref="C66:C67"/>
  </mergeCells>
  <phoneticPr fontId="2"/>
  <dataValidations count="2">
    <dataValidation type="list" allowBlank="1" showInputMessage="1" showErrorMessage="1" sqref="E75:E76">
      <formula1>"該当しない,該当する"</formula1>
    </dataValidation>
    <dataValidation type="list" allowBlank="1" showInputMessage="1" sqref="E10:E74">
      <formula1>"　,はい,いいえ"</formula1>
    </dataValidation>
  </dataValidations>
  <pageMargins left="0.62992125984251968" right="0.51181102362204722" top="0.55118110236220474" bottom="0.35433070866141736" header="0.31496062992125984" footer="0.31496062992125984"/>
  <pageSetup paperSize="9" scale="50" fitToHeight="0" orientation="portrait" r:id="rId1"/>
  <rowBreaks count="2" manualBreakCount="2">
    <brk id="38" max="5" man="1"/>
    <brk id="74" max="5"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tint="0.59999389629810485"/>
    <pageSetUpPr fitToPage="1"/>
  </sheetPr>
  <dimension ref="A1:I42"/>
  <sheetViews>
    <sheetView showGridLines="0" view="pageBreakPreview" zoomScale="80" zoomScaleNormal="80" zoomScaleSheetLayoutView="80" workbookViewId="0">
      <selection activeCell="D40" sqref="D40"/>
    </sheetView>
  </sheetViews>
  <sheetFormatPr defaultRowHeight="22.2" x14ac:dyDescent="0.2"/>
  <cols>
    <col min="1" max="2" width="8.69921875" style="11" customWidth="1"/>
    <col min="3" max="3" width="5.69921875" style="11" customWidth="1"/>
    <col min="4" max="4" width="80.69921875" style="11" customWidth="1"/>
    <col min="5" max="5" width="12.69921875" style="13" customWidth="1"/>
    <col min="6" max="6" width="50.69921875" style="14" customWidth="1"/>
    <col min="7" max="7" width="60.69921875" style="11" customWidth="1"/>
    <col min="8" max="16384" width="8.796875" style="11"/>
  </cols>
  <sheetData>
    <row r="1" spans="1:7" ht="25.05" customHeight="1" x14ac:dyDescent="0.2">
      <c r="A1" s="87" t="s">
        <v>187</v>
      </c>
      <c r="B1" s="87"/>
      <c r="C1" s="87"/>
      <c r="D1" s="87"/>
      <c r="E1" s="87"/>
      <c r="F1" s="87"/>
    </row>
    <row r="2" spans="1:7" ht="49.95" customHeight="1" x14ac:dyDescent="0.2">
      <c r="E2" s="4"/>
      <c r="F2" s="1"/>
      <c r="G2" s="89" t="s">
        <v>180</v>
      </c>
    </row>
    <row r="3" spans="1:7" ht="30" customHeight="1" x14ac:dyDescent="0.2">
      <c r="B3" s="81"/>
      <c r="C3" s="81"/>
      <c r="D3" s="3"/>
      <c r="E3" s="2"/>
      <c r="F3" s="1"/>
      <c r="G3" s="89"/>
    </row>
    <row r="4" spans="1:7" ht="30" customHeight="1" x14ac:dyDescent="0.2">
      <c r="B4" s="82"/>
      <c r="C4" s="82"/>
      <c r="D4" s="3"/>
      <c r="E4" s="5"/>
      <c r="F4" s="12"/>
      <c r="G4" s="89"/>
    </row>
    <row r="5" spans="1:7" ht="45" customHeight="1" x14ac:dyDescent="0.2">
      <c r="B5" s="5"/>
      <c r="C5" s="5"/>
      <c r="D5" s="3"/>
      <c r="E5" s="51" t="s">
        <v>32</v>
      </c>
      <c r="F5" s="6"/>
      <c r="G5" s="89"/>
    </row>
    <row r="6" spans="1:7" ht="45" customHeight="1" x14ac:dyDescent="0.2">
      <c r="B6" s="5"/>
      <c r="C6" s="5"/>
      <c r="D6" s="3"/>
      <c r="E6" s="50" t="s">
        <v>33</v>
      </c>
      <c r="F6" s="53"/>
      <c r="G6" s="60"/>
    </row>
    <row r="7" spans="1:7" ht="30" customHeight="1" x14ac:dyDescent="0.2"/>
    <row r="8" spans="1:7" ht="30" customHeight="1" x14ac:dyDescent="0.2">
      <c r="C8" s="11" t="s">
        <v>38</v>
      </c>
    </row>
    <row r="9" spans="1:7" ht="49.95" customHeight="1" thickBot="1" x14ac:dyDescent="0.25">
      <c r="A9" s="90" t="s">
        <v>39</v>
      </c>
      <c r="B9" s="91"/>
      <c r="C9" s="66" t="s">
        <v>37</v>
      </c>
      <c r="D9" s="67" t="s">
        <v>189</v>
      </c>
      <c r="E9" s="68" t="s">
        <v>0</v>
      </c>
      <c r="F9" s="69" t="s">
        <v>34</v>
      </c>
      <c r="G9" s="52" t="s">
        <v>179</v>
      </c>
    </row>
    <row r="10" spans="1:7" ht="40.049999999999997" customHeight="1" thickTop="1" x14ac:dyDescent="0.2">
      <c r="A10" s="92" t="s">
        <v>1</v>
      </c>
      <c r="B10" s="97" t="s">
        <v>2</v>
      </c>
      <c r="C10" s="95" t="s">
        <v>3</v>
      </c>
      <c r="D10" s="15" t="s">
        <v>130</v>
      </c>
      <c r="E10" s="16" t="s">
        <v>178</v>
      </c>
      <c r="F10" s="40"/>
      <c r="G10" s="47"/>
    </row>
    <row r="11" spans="1:7" ht="40.049999999999997" customHeight="1" x14ac:dyDescent="0.2">
      <c r="A11" s="93"/>
      <c r="B11" s="98"/>
      <c r="C11" s="96"/>
      <c r="D11" s="10" t="s">
        <v>131</v>
      </c>
      <c r="E11" s="17"/>
      <c r="F11" s="37"/>
      <c r="G11" s="48"/>
    </row>
    <row r="12" spans="1:7" ht="40.049999999999997" customHeight="1" x14ac:dyDescent="0.2">
      <c r="A12" s="93"/>
      <c r="B12" s="98"/>
      <c r="C12" s="96" t="s">
        <v>4</v>
      </c>
      <c r="D12" s="10" t="s">
        <v>135</v>
      </c>
      <c r="E12" s="17"/>
      <c r="F12" s="37"/>
      <c r="G12" s="48"/>
    </row>
    <row r="13" spans="1:7" ht="40.049999999999997" customHeight="1" x14ac:dyDescent="0.2">
      <c r="A13" s="93"/>
      <c r="B13" s="98"/>
      <c r="C13" s="96"/>
      <c r="D13" s="10" t="s">
        <v>136</v>
      </c>
      <c r="E13" s="17"/>
      <c r="F13" s="37"/>
      <c r="G13" s="48" t="s">
        <v>137</v>
      </c>
    </row>
    <row r="14" spans="1:7" ht="40.049999999999997" customHeight="1" x14ac:dyDescent="0.2">
      <c r="A14" s="93"/>
      <c r="B14" s="98"/>
      <c r="C14" s="96"/>
      <c r="D14" s="10" t="s">
        <v>138</v>
      </c>
      <c r="E14" s="17"/>
      <c r="F14" s="37"/>
      <c r="G14" s="49" t="s">
        <v>139</v>
      </c>
    </row>
    <row r="15" spans="1:7" ht="40.049999999999997" customHeight="1" x14ac:dyDescent="0.2">
      <c r="A15" s="93"/>
      <c r="B15" s="98"/>
      <c r="C15" s="96"/>
      <c r="D15" s="21" t="s">
        <v>140</v>
      </c>
      <c r="E15" s="22"/>
      <c r="F15" s="41"/>
      <c r="G15" s="48"/>
    </row>
    <row r="16" spans="1:7" ht="40.049999999999997" customHeight="1" x14ac:dyDescent="0.2">
      <c r="A16" s="93"/>
      <c r="B16" s="98"/>
      <c r="C16" s="96"/>
      <c r="D16" s="10" t="s">
        <v>141</v>
      </c>
      <c r="E16" s="17"/>
      <c r="F16" s="37"/>
      <c r="G16" s="48"/>
    </row>
    <row r="17" spans="1:7" ht="40.049999999999997" customHeight="1" x14ac:dyDescent="0.2">
      <c r="A17" s="93"/>
      <c r="B17" s="98" t="s">
        <v>132</v>
      </c>
      <c r="C17" s="96" t="s">
        <v>6</v>
      </c>
      <c r="D17" s="10" t="s">
        <v>142</v>
      </c>
      <c r="E17" s="17"/>
      <c r="F17" s="37"/>
      <c r="G17" s="48"/>
    </row>
    <row r="18" spans="1:7" ht="40.049999999999997" customHeight="1" x14ac:dyDescent="0.2">
      <c r="A18" s="93"/>
      <c r="B18" s="98"/>
      <c r="C18" s="96"/>
      <c r="D18" s="10" t="s">
        <v>144</v>
      </c>
      <c r="E18" s="17"/>
      <c r="F18" s="37"/>
      <c r="G18" s="48"/>
    </row>
    <row r="19" spans="1:7" ht="40.049999999999997" customHeight="1" x14ac:dyDescent="0.2">
      <c r="A19" s="93"/>
      <c r="B19" s="98"/>
      <c r="C19" s="96"/>
      <c r="D19" s="10" t="s">
        <v>143</v>
      </c>
      <c r="E19" s="17"/>
      <c r="F19" s="37"/>
      <c r="G19" s="48"/>
    </row>
    <row r="20" spans="1:7" ht="40.049999999999997" customHeight="1" x14ac:dyDescent="0.2">
      <c r="A20" s="93"/>
      <c r="B20" s="98"/>
      <c r="C20" s="70" t="s">
        <v>145</v>
      </c>
      <c r="D20" s="21" t="s">
        <v>146</v>
      </c>
      <c r="E20" s="22"/>
      <c r="F20" s="41"/>
      <c r="G20" s="48"/>
    </row>
    <row r="21" spans="1:7" ht="40.049999999999997" customHeight="1" x14ac:dyDescent="0.2">
      <c r="A21" s="93"/>
      <c r="B21" s="98"/>
      <c r="C21" s="96" t="s">
        <v>8</v>
      </c>
      <c r="D21" s="10" t="s">
        <v>147</v>
      </c>
      <c r="E21" s="17"/>
      <c r="F21" s="37"/>
      <c r="G21" s="48"/>
    </row>
    <row r="22" spans="1:7" ht="40.049999999999997" customHeight="1" x14ac:dyDescent="0.2">
      <c r="A22" s="93"/>
      <c r="B22" s="98"/>
      <c r="C22" s="96"/>
      <c r="D22" s="10" t="s">
        <v>148</v>
      </c>
      <c r="E22" s="17"/>
      <c r="F22" s="37"/>
      <c r="G22" s="48"/>
    </row>
    <row r="23" spans="1:7" ht="40.049999999999997" customHeight="1" x14ac:dyDescent="0.2">
      <c r="A23" s="93"/>
      <c r="B23" s="98"/>
      <c r="C23" s="96"/>
      <c r="D23" s="21" t="s">
        <v>149</v>
      </c>
      <c r="E23" s="22"/>
      <c r="F23" s="41"/>
      <c r="G23" s="48" t="s">
        <v>150</v>
      </c>
    </row>
    <row r="24" spans="1:7" ht="40.049999999999997" customHeight="1" x14ac:dyDescent="0.2">
      <c r="A24" s="93"/>
      <c r="B24" s="98" t="s">
        <v>9</v>
      </c>
      <c r="C24" s="70" t="s">
        <v>151</v>
      </c>
      <c r="D24" s="10" t="s">
        <v>152</v>
      </c>
      <c r="E24" s="17"/>
      <c r="F24" s="37"/>
      <c r="G24" s="48"/>
    </row>
    <row r="25" spans="1:7" ht="40.049999999999997" customHeight="1" x14ac:dyDescent="0.2">
      <c r="A25" s="93"/>
      <c r="B25" s="98"/>
      <c r="C25" s="70" t="s">
        <v>154</v>
      </c>
      <c r="D25" s="9" t="s">
        <v>153</v>
      </c>
      <c r="E25" s="20"/>
      <c r="F25" s="42"/>
      <c r="G25" s="48" t="s">
        <v>155</v>
      </c>
    </row>
    <row r="26" spans="1:7" ht="40.049999999999997" customHeight="1" x14ac:dyDescent="0.2">
      <c r="A26" s="93"/>
      <c r="B26" s="98"/>
      <c r="C26" s="96" t="s">
        <v>158</v>
      </c>
      <c r="D26" s="10" t="s">
        <v>157</v>
      </c>
      <c r="E26" s="17"/>
      <c r="F26" s="37"/>
      <c r="G26" s="48"/>
    </row>
    <row r="27" spans="1:7" ht="40.049999999999997" customHeight="1" x14ac:dyDescent="0.2">
      <c r="A27" s="93"/>
      <c r="B27" s="98"/>
      <c r="C27" s="96"/>
      <c r="D27" s="10" t="s">
        <v>156</v>
      </c>
      <c r="E27" s="17"/>
      <c r="F27" s="37"/>
      <c r="G27" s="48"/>
    </row>
    <row r="28" spans="1:7" ht="40.049999999999997" customHeight="1" x14ac:dyDescent="0.2">
      <c r="A28" s="93"/>
      <c r="B28" s="98"/>
      <c r="C28" s="70" t="s">
        <v>159</v>
      </c>
      <c r="D28" s="21" t="s">
        <v>162</v>
      </c>
      <c r="E28" s="22"/>
      <c r="F28" s="41"/>
      <c r="G28" s="48"/>
    </row>
    <row r="29" spans="1:7" ht="40.049999999999997" customHeight="1" x14ac:dyDescent="0.2">
      <c r="A29" s="93"/>
      <c r="B29" s="98" t="s">
        <v>133</v>
      </c>
      <c r="C29" s="70" t="s">
        <v>160</v>
      </c>
      <c r="D29" s="10" t="s">
        <v>161</v>
      </c>
      <c r="E29" s="17"/>
      <c r="F29" s="37"/>
      <c r="G29" s="49"/>
    </row>
    <row r="30" spans="1:7" ht="40.049999999999997" customHeight="1" x14ac:dyDescent="0.2">
      <c r="A30" s="93"/>
      <c r="B30" s="98"/>
      <c r="C30" s="99" t="s">
        <v>14</v>
      </c>
      <c r="D30" s="21" t="s">
        <v>163</v>
      </c>
      <c r="E30" s="22"/>
      <c r="F30" s="41"/>
      <c r="G30" s="48"/>
    </row>
    <row r="31" spans="1:7" ht="40.049999999999997" customHeight="1" x14ac:dyDescent="0.2">
      <c r="A31" s="93"/>
      <c r="B31" s="98"/>
      <c r="C31" s="99"/>
      <c r="D31" s="10" t="s">
        <v>164</v>
      </c>
      <c r="E31" s="36"/>
      <c r="F31" s="37"/>
      <c r="G31" s="48"/>
    </row>
    <row r="32" spans="1:7" ht="40.049999999999997" customHeight="1" x14ac:dyDescent="0.2">
      <c r="A32" s="93"/>
      <c r="B32" s="98"/>
      <c r="C32" s="99"/>
      <c r="D32" s="10" t="s">
        <v>165</v>
      </c>
      <c r="E32" s="36"/>
      <c r="F32" s="37"/>
      <c r="G32" s="48"/>
    </row>
    <row r="33" spans="1:9" ht="40.049999999999997" customHeight="1" x14ac:dyDescent="0.2">
      <c r="A33" s="93"/>
      <c r="B33" s="98"/>
      <c r="C33" s="99"/>
      <c r="D33" s="9" t="s">
        <v>166</v>
      </c>
      <c r="E33" s="20"/>
      <c r="F33" s="42"/>
      <c r="G33" s="48"/>
    </row>
    <row r="34" spans="1:9" ht="40.049999999999997" customHeight="1" x14ac:dyDescent="0.2">
      <c r="A34" s="93"/>
      <c r="B34" s="98" t="s">
        <v>134</v>
      </c>
      <c r="C34" s="96" t="s">
        <v>169</v>
      </c>
      <c r="D34" s="9" t="s">
        <v>167</v>
      </c>
      <c r="E34" s="20"/>
      <c r="F34" s="42"/>
      <c r="G34" s="48"/>
    </row>
    <row r="35" spans="1:9" ht="40.049999999999997" customHeight="1" x14ac:dyDescent="0.2">
      <c r="A35" s="93"/>
      <c r="B35" s="98"/>
      <c r="C35" s="96"/>
      <c r="D35" s="9" t="s">
        <v>168</v>
      </c>
      <c r="E35" s="20"/>
      <c r="F35" s="42"/>
      <c r="G35" s="48"/>
    </row>
    <row r="36" spans="1:9" ht="40.049999999999997" customHeight="1" x14ac:dyDescent="0.2">
      <c r="A36" s="93"/>
      <c r="B36" s="98"/>
      <c r="C36" s="70" t="s">
        <v>171</v>
      </c>
      <c r="D36" s="9" t="s">
        <v>170</v>
      </c>
      <c r="E36" s="20"/>
      <c r="F36" s="42"/>
      <c r="G36" s="48"/>
    </row>
    <row r="37" spans="1:9" ht="40.049999999999997" customHeight="1" x14ac:dyDescent="0.2">
      <c r="A37" s="93"/>
      <c r="B37" s="98"/>
      <c r="C37" s="70" t="s">
        <v>173</v>
      </c>
      <c r="D37" s="9" t="s">
        <v>172</v>
      </c>
      <c r="E37" s="20"/>
      <c r="F37" s="42"/>
      <c r="G37" s="48"/>
    </row>
    <row r="38" spans="1:9" ht="40.049999999999997" customHeight="1" x14ac:dyDescent="0.2">
      <c r="A38" s="93"/>
      <c r="B38" s="98"/>
      <c r="C38" s="96" t="s">
        <v>17</v>
      </c>
      <c r="D38" s="21" t="s">
        <v>174</v>
      </c>
      <c r="E38" s="22"/>
      <c r="F38" s="41"/>
      <c r="G38" s="48"/>
    </row>
    <row r="39" spans="1:9" ht="40.049999999999997" customHeight="1" x14ac:dyDescent="0.2">
      <c r="A39" s="94"/>
      <c r="B39" s="98"/>
      <c r="C39" s="96"/>
      <c r="D39" s="10" t="s">
        <v>190</v>
      </c>
      <c r="E39" s="17"/>
      <c r="F39" s="37"/>
      <c r="G39" s="48"/>
    </row>
    <row r="40" spans="1:9" ht="30" customHeight="1" x14ac:dyDescent="0.2">
      <c r="A40" s="29"/>
      <c r="B40" s="30"/>
      <c r="C40" s="30"/>
      <c r="D40" s="31"/>
      <c r="E40" s="32"/>
      <c r="F40" s="33"/>
      <c r="G40" s="29"/>
      <c r="H40" s="29"/>
      <c r="I40" s="29"/>
    </row>
    <row r="41" spans="1:9" ht="30" customHeight="1" x14ac:dyDescent="0.2">
      <c r="A41" s="29"/>
      <c r="B41" s="30"/>
      <c r="C41" s="30"/>
      <c r="D41" s="34"/>
      <c r="E41" s="32"/>
      <c r="F41" s="35"/>
      <c r="G41" s="29"/>
      <c r="H41" s="29"/>
      <c r="I41" s="29"/>
    </row>
    <row r="42" spans="1:9" x14ac:dyDescent="0.2">
      <c r="A42" s="29"/>
      <c r="B42" s="29"/>
      <c r="C42" s="29"/>
      <c r="D42" s="29"/>
      <c r="E42" s="23"/>
      <c r="F42" s="35"/>
      <c r="G42" s="29"/>
      <c r="H42" s="29"/>
      <c r="I42" s="29"/>
    </row>
  </sheetData>
  <mergeCells count="19">
    <mergeCell ref="A10:A39"/>
    <mergeCell ref="C10:C11"/>
    <mergeCell ref="C12:C16"/>
    <mergeCell ref="C17:C19"/>
    <mergeCell ref="B10:B16"/>
    <mergeCell ref="B17:B23"/>
    <mergeCell ref="B34:B39"/>
    <mergeCell ref="C21:C23"/>
    <mergeCell ref="C26:C27"/>
    <mergeCell ref="C38:C39"/>
    <mergeCell ref="C34:C35"/>
    <mergeCell ref="C30:C33"/>
    <mergeCell ref="B24:B28"/>
    <mergeCell ref="B29:B33"/>
    <mergeCell ref="G2:G5"/>
    <mergeCell ref="A1:F1"/>
    <mergeCell ref="B3:C3"/>
    <mergeCell ref="B4:C4"/>
    <mergeCell ref="A9:B9"/>
  </mergeCells>
  <phoneticPr fontId="2"/>
  <dataValidations count="2">
    <dataValidation type="list" allowBlank="1" showInputMessage="1" showErrorMessage="1" sqref="E40:E41">
      <formula1>"該当しない,該当する"</formula1>
    </dataValidation>
    <dataValidation type="list" allowBlank="1" showInputMessage="1" sqref="E10:E39">
      <formula1>"　,はい,いいえ"</formula1>
    </dataValidation>
  </dataValidations>
  <pageMargins left="0.62992125984251968" right="0.51181102362204722" top="0.55118110236220474" bottom="0.35433070866141736" header="0.31496062992125984" footer="0.31496062992125984"/>
  <pageSetup paperSize="9" scale="50" fitToHeight="0" orientation="portrait" r:id="rId1"/>
  <rowBreaks count="1" manualBreakCount="1">
    <brk id="39" max="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4</vt:i4>
      </vt:variant>
    </vt:vector>
  </HeadingPairs>
  <TitlesOfParts>
    <vt:vector size="6" baseType="lpstr">
      <vt:lpstr>目標とする取組の水準</vt:lpstr>
      <vt:lpstr>基本的な取組の水準</vt:lpstr>
      <vt:lpstr>基本的な取組の水準!Print_Area</vt:lpstr>
      <vt:lpstr>目標とする取組の水準!Print_Area</vt:lpstr>
      <vt:lpstr>基本的な取組の水準!Print_Titles</vt:lpstr>
      <vt:lpstr>目標とする取組の水準!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4-10-21T02:22:15Z</cp:lastPrinted>
  <dcterms:created xsi:type="dcterms:W3CDTF">2021-11-11T01:48:59Z</dcterms:created>
  <dcterms:modified xsi:type="dcterms:W3CDTF">2024-10-31T00:34:19Z</dcterms:modified>
</cp:coreProperties>
</file>